
<file path=[Content_Types].xml><?xml version="1.0" encoding="utf-8"?>
<Types xmlns="http://schemas.openxmlformats.org/package/2006/content-types"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diagrams/data7.xml" ContentType="application/vnd.openxmlformats-officedocument.drawingml.diagramData+xml"/>
  <Override PartName="/ppt/diagrams/layout7.xml" ContentType="application/vnd.openxmlformats-officedocument.drawingml.diagramLayout+xml"/>
  <Override PartName="/ppt/diagrams/quickStyle7.xml" ContentType="application/vnd.openxmlformats-officedocument.drawingml.diagramStyle+xml"/>
  <Override PartName="/ppt/diagrams/colors7.xml" ContentType="application/vnd.openxmlformats-officedocument.drawingml.diagramColors+xml"/>
  <Override PartName="/ppt/diagrams/drawing7.xml" ContentType="application/vnd.ms-office.drawingml.diagramDrawing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diagrams/data8.xml" ContentType="application/vnd.openxmlformats-officedocument.drawingml.diagramData+xml"/>
  <Override PartName="/ppt/diagrams/layout8.xml" ContentType="application/vnd.openxmlformats-officedocument.drawingml.diagramLayout+xml"/>
  <Override PartName="/ppt/diagrams/quickStyle8.xml" ContentType="application/vnd.openxmlformats-officedocument.drawingml.diagramStyle+xml"/>
  <Override PartName="/ppt/diagrams/colors8.xml" ContentType="application/vnd.openxmlformats-officedocument.drawingml.diagramColors+xml"/>
  <Override PartName="/ppt/diagrams/drawing8.xml" ContentType="application/vnd.ms-office.drawingml.diagramDrawing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  <p:sldMasterId id="2147483677" r:id="rId2"/>
  </p:sldMasterIdLst>
  <p:notesMasterIdLst>
    <p:notesMasterId r:id="rId24"/>
  </p:notesMasterIdLst>
  <p:handoutMasterIdLst>
    <p:handoutMasterId r:id="rId25"/>
  </p:handoutMasterIdLst>
  <p:sldIdLst>
    <p:sldId id="266" r:id="rId3"/>
    <p:sldId id="283" r:id="rId4"/>
    <p:sldId id="302" r:id="rId5"/>
    <p:sldId id="284" r:id="rId6"/>
    <p:sldId id="297" r:id="rId7"/>
    <p:sldId id="298" r:id="rId8"/>
    <p:sldId id="299" r:id="rId9"/>
    <p:sldId id="300" r:id="rId10"/>
    <p:sldId id="301" r:id="rId11"/>
    <p:sldId id="286" r:id="rId12"/>
    <p:sldId id="287" r:id="rId13"/>
    <p:sldId id="288" r:id="rId14"/>
    <p:sldId id="289" r:id="rId15"/>
    <p:sldId id="290" r:id="rId16"/>
    <p:sldId id="291" r:id="rId17"/>
    <p:sldId id="292" r:id="rId18"/>
    <p:sldId id="293" r:id="rId19"/>
    <p:sldId id="294" r:id="rId20"/>
    <p:sldId id="295" r:id="rId21"/>
    <p:sldId id="296" r:id="rId22"/>
    <p:sldId id="282" r:id="rId23"/>
  </p:sldIdLst>
  <p:sldSz cx="9144000" cy="6858000" type="screen4x3"/>
  <p:notesSz cx="6858000" cy="9144000"/>
  <p:custDataLst>
    <p:tags r:id="rId26"/>
  </p:custDataLst>
  <p:defaultTextStyle>
    <a:defPPr>
      <a:defRPr lang="de-DE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Allgemeines" id="{CB2E7776-5F69-442F-9FDD-DFFAFF0635DF}">
          <p14:sldIdLst>
            <p14:sldId id="266"/>
            <p14:sldId id="283"/>
            <p14:sldId id="302"/>
            <p14:sldId id="284"/>
            <p14:sldId id="297"/>
            <p14:sldId id="298"/>
            <p14:sldId id="299"/>
            <p14:sldId id="300"/>
            <p14:sldId id="301"/>
            <p14:sldId id="286"/>
            <p14:sldId id="287"/>
            <p14:sldId id="288"/>
            <p14:sldId id="289"/>
            <p14:sldId id="290"/>
            <p14:sldId id="291"/>
            <p14:sldId id="292"/>
            <p14:sldId id="293"/>
            <p14:sldId id="294"/>
            <p14:sldId id="295"/>
            <p14:sldId id="296"/>
            <p14:sldId id="282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50C37"/>
    <a:srgbClr val="646464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ittlere Formatvorlage 2 - Akz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1E4AEA4-8DFA-4A89-87EB-49C32662AFE0}" styleName="Mittlere Formatvorlage 2 - Akzent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2">
              <a:tint val="20000"/>
            </a:schemeClr>
          </a:solidFill>
        </a:fill>
      </a:tcStyle>
    </a:wholeTbl>
    <a:band1H>
      <a:tcStyle>
        <a:tcBdr/>
        <a:fill>
          <a:solidFill>
            <a:schemeClr val="accent2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2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2"/>
          </a:solidFill>
        </a:fill>
      </a:tcStyle>
    </a:firstRow>
  </a:tblStyle>
  <a:tblStyle styleId="{F5AB1C69-6EDB-4FF4-983F-18BD219EF322}" styleName="Mittlere Formatvorlage 2 - Akzent 3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3">
              <a:tint val="20000"/>
            </a:schemeClr>
          </a:solidFill>
        </a:fill>
      </a:tcStyle>
    </a:wholeTbl>
    <a:band1H>
      <a:tcStyle>
        <a:tcBdr/>
        <a:fill>
          <a:solidFill>
            <a:schemeClr val="accent3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3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3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3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992" autoAdjust="0"/>
    <p:restoredTop sz="86393" autoAdjust="0"/>
  </p:normalViewPr>
  <p:slideViewPr>
    <p:cSldViewPr snapToObjects="1">
      <p:cViewPr varScale="1">
        <p:scale>
          <a:sx n="86" d="100"/>
          <a:sy n="86" d="100"/>
        </p:scale>
        <p:origin x="1339" y="5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tags" Target="tags/tag1.xml"/><Relationship Id="rId3" Type="http://schemas.openxmlformats.org/officeDocument/2006/relationships/slide" Target="slides/slide1.xml"/><Relationship Id="rId21" Type="http://schemas.openxmlformats.org/officeDocument/2006/relationships/slide" Target="slides/slide19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handoutMaster" Target="handoutMasters/handoutMaster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viewProps" Target="viewProps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diagrams/_rels/data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image" Target="../media/image10.jpg"/></Relationships>
</file>

<file path=ppt/diagrams/_rels/data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image" Target="../media/image12.png"/></Relationships>
</file>

<file path=ppt/diagrams/_rels/data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image" Target="../media/image14.png"/></Relationships>
</file>

<file path=ppt/diagrams/_rels/data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png"/><Relationship Id="rId1" Type="http://schemas.openxmlformats.org/officeDocument/2006/relationships/image" Target="../media/image18.png"/></Relationships>
</file>

<file path=ppt/diagrams/_rels/data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image" Target="../media/image22.png"/></Relationships>
</file>

<file path=ppt/diagrams/_rels/data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5.png"/><Relationship Id="rId1" Type="http://schemas.openxmlformats.org/officeDocument/2006/relationships/image" Target="../media/image4.png"/></Relationships>
</file>

<file path=ppt/diagrams/_rels/data8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image" Target="../media/image8.png"/></Relationships>
</file>

<file path=ppt/diagrams/_rels/drawing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image" Target="../media/image10.jpg"/></Relationships>
</file>

<file path=ppt/diagrams/_rels/drawing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image" Target="../media/image12.png"/></Relationships>
</file>

<file path=ppt/diagrams/_rels/drawing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image" Target="../media/image14.png"/></Relationships>
</file>

<file path=ppt/diagrams/_rels/drawing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png"/><Relationship Id="rId1" Type="http://schemas.openxmlformats.org/officeDocument/2006/relationships/image" Target="../media/image18.png"/></Relationships>
</file>

<file path=ppt/diagrams/_rels/drawing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image" Target="../media/image22.png"/></Relationships>
</file>

<file path=ppt/diagrams/_rels/drawing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5.png"/><Relationship Id="rId1" Type="http://schemas.openxmlformats.org/officeDocument/2006/relationships/image" Target="../media/image4.png"/></Relationships>
</file>

<file path=ppt/diagrams/_rels/drawing8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image" Target="../media/image8.pn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7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8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373EE165-E591-4E61-A38E-2A602688153E}" type="doc">
      <dgm:prSet loTypeId="urn:microsoft.com/office/officeart/2005/8/layout/default" loCatId="list" qsTypeId="urn:microsoft.com/office/officeart/2005/8/quickstyle/simple2" qsCatId="simple" csTypeId="urn:microsoft.com/office/officeart/2005/8/colors/accent2_2" csCatId="accent2" phldr="1"/>
      <dgm:spPr/>
      <dgm:t>
        <a:bodyPr/>
        <a:lstStyle/>
        <a:p>
          <a:endParaRPr lang="de-DE"/>
        </a:p>
      </dgm:t>
    </dgm:pt>
    <dgm:pt modelId="{62B662FA-FBE1-4470-BA82-E1CC8C408894}">
      <dgm:prSet phldrT="[Text]"/>
      <dgm:spPr/>
      <dgm:t>
        <a:bodyPr/>
        <a:lstStyle/>
        <a:p>
          <a:r>
            <a:rPr lang="de-DE" dirty="0"/>
            <a:t>Wer macht was?</a:t>
          </a:r>
        </a:p>
      </dgm:t>
    </dgm:pt>
    <dgm:pt modelId="{1D101A49-F207-4AB8-8935-832B38FE8897}" type="parTrans" cxnId="{CFB033D0-AEAD-4FC2-9DE5-BA045C55B5CE}">
      <dgm:prSet/>
      <dgm:spPr/>
      <dgm:t>
        <a:bodyPr/>
        <a:lstStyle/>
        <a:p>
          <a:endParaRPr lang="de-DE"/>
        </a:p>
      </dgm:t>
    </dgm:pt>
    <dgm:pt modelId="{35EAB159-76A3-41CA-8A75-28647A0564B6}" type="sibTrans" cxnId="{CFB033D0-AEAD-4FC2-9DE5-BA045C55B5CE}">
      <dgm:prSet/>
      <dgm:spPr/>
      <dgm:t>
        <a:bodyPr/>
        <a:lstStyle/>
        <a:p>
          <a:endParaRPr lang="de-DE"/>
        </a:p>
      </dgm:t>
    </dgm:pt>
    <dgm:pt modelId="{4C4170E7-E664-4D16-95B5-82543C0D6DAB}">
      <dgm:prSet phldrT="[Text]"/>
      <dgm:spPr/>
      <dgm:t>
        <a:bodyPr/>
        <a:lstStyle/>
        <a:p>
          <a:r>
            <a:rPr lang="de-DE" dirty="0"/>
            <a:t>Was brauchen wir?</a:t>
          </a:r>
        </a:p>
      </dgm:t>
    </dgm:pt>
    <dgm:pt modelId="{37C86E89-B01D-4CAA-9DE2-45C76737FBDF}" type="parTrans" cxnId="{F95C9AF6-2687-45BC-BDF6-63C9F64C6CE6}">
      <dgm:prSet/>
      <dgm:spPr/>
      <dgm:t>
        <a:bodyPr/>
        <a:lstStyle/>
        <a:p>
          <a:endParaRPr lang="de-DE"/>
        </a:p>
      </dgm:t>
    </dgm:pt>
    <dgm:pt modelId="{A5BDD198-4E4D-4810-8005-ECF60164AF5A}" type="sibTrans" cxnId="{F95C9AF6-2687-45BC-BDF6-63C9F64C6CE6}">
      <dgm:prSet/>
      <dgm:spPr/>
      <dgm:t>
        <a:bodyPr/>
        <a:lstStyle/>
        <a:p>
          <a:endParaRPr lang="de-DE"/>
        </a:p>
      </dgm:t>
    </dgm:pt>
    <dgm:pt modelId="{94164647-FF81-4C9D-BFB0-9DE692A28B1F}">
      <dgm:prSet phldrT="[Text]"/>
      <dgm:spPr/>
      <dgm:t>
        <a:bodyPr/>
        <a:lstStyle/>
        <a:p>
          <a:r>
            <a:rPr lang="de-DE" dirty="0"/>
            <a:t>Wer nimmt es mit?</a:t>
          </a:r>
        </a:p>
      </dgm:t>
    </dgm:pt>
    <dgm:pt modelId="{9ACC1140-789B-4B07-91FE-65C95C2E7ECA}" type="parTrans" cxnId="{EC6D6B0B-5FB7-41C1-82F7-46D6B605346A}">
      <dgm:prSet/>
      <dgm:spPr/>
      <dgm:t>
        <a:bodyPr/>
        <a:lstStyle/>
        <a:p>
          <a:endParaRPr lang="de-DE"/>
        </a:p>
      </dgm:t>
    </dgm:pt>
    <dgm:pt modelId="{4D7B0605-3538-4192-9210-AC89E1D6BFEA}" type="sibTrans" cxnId="{EC6D6B0B-5FB7-41C1-82F7-46D6B605346A}">
      <dgm:prSet/>
      <dgm:spPr/>
      <dgm:t>
        <a:bodyPr/>
        <a:lstStyle/>
        <a:p>
          <a:endParaRPr lang="de-DE"/>
        </a:p>
      </dgm:t>
    </dgm:pt>
    <dgm:pt modelId="{9DBACCA8-9A3D-4A89-A27B-E42C764A8467}">
      <dgm:prSet/>
      <dgm:spPr/>
      <dgm:t>
        <a:bodyPr/>
        <a:lstStyle/>
        <a:p>
          <a:r>
            <a:rPr lang="de-DE" dirty="0"/>
            <a:t>Worauf müssen wir achten?</a:t>
          </a:r>
        </a:p>
      </dgm:t>
    </dgm:pt>
    <dgm:pt modelId="{81325A8A-D84B-48F1-AD5A-9C4600A092B4}" type="parTrans" cxnId="{6104950A-DFCC-43CA-946D-53AE2A015C15}">
      <dgm:prSet/>
      <dgm:spPr/>
      <dgm:t>
        <a:bodyPr/>
        <a:lstStyle/>
        <a:p>
          <a:endParaRPr lang="de-DE"/>
        </a:p>
      </dgm:t>
    </dgm:pt>
    <dgm:pt modelId="{5BB75220-26C5-466B-90B8-6819A1249F2F}" type="sibTrans" cxnId="{6104950A-DFCC-43CA-946D-53AE2A015C15}">
      <dgm:prSet/>
      <dgm:spPr/>
      <dgm:t>
        <a:bodyPr/>
        <a:lstStyle/>
        <a:p>
          <a:endParaRPr lang="de-DE"/>
        </a:p>
      </dgm:t>
    </dgm:pt>
    <dgm:pt modelId="{1764A588-7BFF-402D-8EC1-23A7AE4CDE28}" type="pres">
      <dgm:prSet presAssocID="{373EE165-E591-4E61-A38E-2A602688153E}" presName="diagram" presStyleCnt="0">
        <dgm:presLayoutVars>
          <dgm:dir/>
          <dgm:resizeHandles val="exact"/>
        </dgm:presLayoutVars>
      </dgm:prSet>
      <dgm:spPr/>
    </dgm:pt>
    <dgm:pt modelId="{348D9EC6-008B-4150-914E-473B4A1FFACA}" type="pres">
      <dgm:prSet presAssocID="{62B662FA-FBE1-4470-BA82-E1CC8C408894}" presName="node" presStyleLbl="node1" presStyleIdx="0" presStyleCnt="4">
        <dgm:presLayoutVars>
          <dgm:bulletEnabled val="1"/>
        </dgm:presLayoutVars>
      </dgm:prSet>
      <dgm:spPr/>
    </dgm:pt>
    <dgm:pt modelId="{0D7B8E30-BD66-4DAA-B2E9-C43CC74DA52B}" type="pres">
      <dgm:prSet presAssocID="{35EAB159-76A3-41CA-8A75-28647A0564B6}" presName="sibTrans" presStyleCnt="0"/>
      <dgm:spPr/>
    </dgm:pt>
    <dgm:pt modelId="{8FD1BA14-1F85-4102-9517-450468A85FC7}" type="pres">
      <dgm:prSet presAssocID="{4C4170E7-E664-4D16-95B5-82543C0D6DAB}" presName="node" presStyleLbl="node1" presStyleIdx="1" presStyleCnt="4">
        <dgm:presLayoutVars>
          <dgm:bulletEnabled val="1"/>
        </dgm:presLayoutVars>
      </dgm:prSet>
      <dgm:spPr/>
    </dgm:pt>
    <dgm:pt modelId="{F74EEBE5-E60F-45CF-91DB-58943759E500}" type="pres">
      <dgm:prSet presAssocID="{A5BDD198-4E4D-4810-8005-ECF60164AF5A}" presName="sibTrans" presStyleCnt="0"/>
      <dgm:spPr/>
    </dgm:pt>
    <dgm:pt modelId="{9F3203BB-F574-491F-8B1D-C9F22F280B8A}" type="pres">
      <dgm:prSet presAssocID="{94164647-FF81-4C9D-BFB0-9DE692A28B1F}" presName="node" presStyleLbl="node1" presStyleIdx="2" presStyleCnt="4">
        <dgm:presLayoutVars>
          <dgm:bulletEnabled val="1"/>
        </dgm:presLayoutVars>
      </dgm:prSet>
      <dgm:spPr/>
    </dgm:pt>
    <dgm:pt modelId="{216C1824-8DFB-4C0B-9116-D1D4988F2FBC}" type="pres">
      <dgm:prSet presAssocID="{4D7B0605-3538-4192-9210-AC89E1D6BFEA}" presName="sibTrans" presStyleCnt="0"/>
      <dgm:spPr/>
    </dgm:pt>
    <dgm:pt modelId="{81303F8F-E695-4473-9ED8-F82C3170965A}" type="pres">
      <dgm:prSet presAssocID="{9DBACCA8-9A3D-4A89-A27B-E42C764A8467}" presName="node" presStyleLbl="node1" presStyleIdx="3" presStyleCnt="4" custLinFactNeighborX="1007" custLinFactNeighborY="120">
        <dgm:presLayoutVars>
          <dgm:bulletEnabled val="1"/>
        </dgm:presLayoutVars>
      </dgm:prSet>
      <dgm:spPr/>
    </dgm:pt>
  </dgm:ptLst>
  <dgm:cxnLst>
    <dgm:cxn modelId="{6104950A-DFCC-43CA-946D-53AE2A015C15}" srcId="{373EE165-E591-4E61-A38E-2A602688153E}" destId="{9DBACCA8-9A3D-4A89-A27B-E42C764A8467}" srcOrd="3" destOrd="0" parTransId="{81325A8A-D84B-48F1-AD5A-9C4600A092B4}" sibTransId="{5BB75220-26C5-466B-90B8-6819A1249F2F}"/>
    <dgm:cxn modelId="{EC6D6B0B-5FB7-41C1-82F7-46D6B605346A}" srcId="{373EE165-E591-4E61-A38E-2A602688153E}" destId="{94164647-FF81-4C9D-BFB0-9DE692A28B1F}" srcOrd="2" destOrd="0" parTransId="{9ACC1140-789B-4B07-91FE-65C95C2E7ECA}" sibTransId="{4D7B0605-3538-4192-9210-AC89E1D6BFEA}"/>
    <dgm:cxn modelId="{6E2D6662-1C25-4EA7-8F16-5237699FA711}" type="presOf" srcId="{9DBACCA8-9A3D-4A89-A27B-E42C764A8467}" destId="{81303F8F-E695-4473-9ED8-F82C3170965A}" srcOrd="0" destOrd="0" presId="urn:microsoft.com/office/officeart/2005/8/layout/default"/>
    <dgm:cxn modelId="{BB44C942-BB13-425D-86FE-3873DF0D10A1}" type="presOf" srcId="{373EE165-E591-4E61-A38E-2A602688153E}" destId="{1764A588-7BFF-402D-8EC1-23A7AE4CDE28}" srcOrd="0" destOrd="0" presId="urn:microsoft.com/office/officeart/2005/8/layout/default"/>
    <dgm:cxn modelId="{BAEA6543-3B12-4EE5-9BB3-487C4525C1AD}" type="presOf" srcId="{94164647-FF81-4C9D-BFB0-9DE692A28B1F}" destId="{9F3203BB-F574-491F-8B1D-C9F22F280B8A}" srcOrd="0" destOrd="0" presId="urn:microsoft.com/office/officeart/2005/8/layout/default"/>
    <dgm:cxn modelId="{AD6362CA-E534-400B-808A-204C18131E7A}" type="presOf" srcId="{4C4170E7-E664-4D16-95B5-82543C0D6DAB}" destId="{8FD1BA14-1F85-4102-9517-450468A85FC7}" srcOrd="0" destOrd="0" presId="urn:microsoft.com/office/officeart/2005/8/layout/default"/>
    <dgm:cxn modelId="{CFB033D0-AEAD-4FC2-9DE5-BA045C55B5CE}" srcId="{373EE165-E591-4E61-A38E-2A602688153E}" destId="{62B662FA-FBE1-4470-BA82-E1CC8C408894}" srcOrd="0" destOrd="0" parTransId="{1D101A49-F207-4AB8-8935-832B38FE8897}" sibTransId="{35EAB159-76A3-41CA-8A75-28647A0564B6}"/>
    <dgm:cxn modelId="{231F36F5-DFCF-4890-A3DA-56DE63B3005C}" type="presOf" srcId="{62B662FA-FBE1-4470-BA82-E1CC8C408894}" destId="{348D9EC6-008B-4150-914E-473B4A1FFACA}" srcOrd="0" destOrd="0" presId="urn:microsoft.com/office/officeart/2005/8/layout/default"/>
    <dgm:cxn modelId="{F95C9AF6-2687-45BC-BDF6-63C9F64C6CE6}" srcId="{373EE165-E591-4E61-A38E-2A602688153E}" destId="{4C4170E7-E664-4D16-95B5-82543C0D6DAB}" srcOrd="1" destOrd="0" parTransId="{37C86E89-B01D-4CAA-9DE2-45C76737FBDF}" sibTransId="{A5BDD198-4E4D-4810-8005-ECF60164AF5A}"/>
    <dgm:cxn modelId="{889744BD-3B2F-49CC-927D-9849605BAC3D}" type="presParOf" srcId="{1764A588-7BFF-402D-8EC1-23A7AE4CDE28}" destId="{348D9EC6-008B-4150-914E-473B4A1FFACA}" srcOrd="0" destOrd="0" presId="urn:microsoft.com/office/officeart/2005/8/layout/default"/>
    <dgm:cxn modelId="{66C2F8C2-BC20-43AD-8DF7-A4CB2B29A705}" type="presParOf" srcId="{1764A588-7BFF-402D-8EC1-23A7AE4CDE28}" destId="{0D7B8E30-BD66-4DAA-B2E9-C43CC74DA52B}" srcOrd="1" destOrd="0" presId="urn:microsoft.com/office/officeart/2005/8/layout/default"/>
    <dgm:cxn modelId="{BC2FB657-DA32-4F36-9086-8F81F74B066E}" type="presParOf" srcId="{1764A588-7BFF-402D-8EC1-23A7AE4CDE28}" destId="{8FD1BA14-1F85-4102-9517-450468A85FC7}" srcOrd="2" destOrd="0" presId="urn:microsoft.com/office/officeart/2005/8/layout/default"/>
    <dgm:cxn modelId="{E8457DA7-B299-4234-8EB6-479D2ECD9D90}" type="presParOf" srcId="{1764A588-7BFF-402D-8EC1-23A7AE4CDE28}" destId="{F74EEBE5-E60F-45CF-91DB-58943759E500}" srcOrd="3" destOrd="0" presId="urn:microsoft.com/office/officeart/2005/8/layout/default"/>
    <dgm:cxn modelId="{2B6C803D-A19B-40F7-9333-F755A464DAE3}" type="presParOf" srcId="{1764A588-7BFF-402D-8EC1-23A7AE4CDE28}" destId="{9F3203BB-F574-491F-8B1D-C9F22F280B8A}" srcOrd="4" destOrd="0" presId="urn:microsoft.com/office/officeart/2005/8/layout/default"/>
    <dgm:cxn modelId="{F6529EAE-E4EE-48CF-81C4-1085E1A28243}" type="presParOf" srcId="{1764A588-7BFF-402D-8EC1-23A7AE4CDE28}" destId="{216C1824-8DFB-4C0B-9116-D1D4988F2FBC}" srcOrd="5" destOrd="0" presId="urn:microsoft.com/office/officeart/2005/8/layout/default"/>
    <dgm:cxn modelId="{4276A724-C474-40D3-888E-44E382C87A20}" type="presParOf" srcId="{1764A588-7BFF-402D-8EC1-23A7AE4CDE28}" destId="{81303F8F-E695-4473-9ED8-F82C3170965A}" srcOrd="6" destOrd="0" presId="urn:microsoft.com/office/officeart/2005/8/layout/default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DF41A701-3E60-45DD-87C4-A41C28EEBF3C}" type="doc">
      <dgm:prSet loTypeId="urn:microsoft.com/office/officeart/2005/8/layout/pList2" loCatId="picture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de-DE"/>
        </a:p>
      </dgm:t>
    </dgm:pt>
    <dgm:pt modelId="{43471B4A-3533-4C23-AA98-AF07B4F0FD8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 dirty="0">
              <a:latin typeface="Calibri" panose="020F0502020204030204"/>
              <a:ea typeface="+mn-ea"/>
              <a:cs typeface="+mn-cs"/>
            </a:rPr>
            <a:t>Beleuchtungsgerät</a:t>
          </a:r>
        </a:p>
      </dgm:t>
    </dgm:pt>
    <dgm:pt modelId="{63C7A958-6502-49D4-8341-61DC22DCB076}" type="parTrans" cxnId="{D0D2787E-E52E-4545-AD32-D3F6017B0915}">
      <dgm:prSet/>
      <dgm:spPr/>
      <dgm:t>
        <a:bodyPr/>
        <a:lstStyle/>
        <a:p>
          <a:endParaRPr lang="de-DE"/>
        </a:p>
      </dgm:t>
    </dgm:pt>
    <dgm:pt modelId="{A0457F3A-6337-48DF-8C8C-3093048BD5E3}" type="sibTrans" cxnId="{D0D2787E-E52E-4545-AD32-D3F6017B0915}">
      <dgm:prSet/>
      <dgm:spPr/>
      <dgm:t>
        <a:bodyPr/>
        <a:lstStyle/>
        <a:p>
          <a:endParaRPr lang="de-DE"/>
        </a:p>
      </dgm:t>
    </dgm:pt>
    <dgm:pt modelId="{9550F5A6-F59D-4A29-8F8B-C66E5D1304D3}">
      <dgm:prSet phldrT="[Text]" cust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4298941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 sz="2700">
              <a:latin typeface="Calibri" panose="020F0502020204030204"/>
              <a:ea typeface="+mn-ea"/>
              <a:cs typeface="+mn-cs"/>
            </a:rPr>
            <a:t>Funkgerät</a:t>
          </a:r>
          <a:endParaRPr lang="de-DE" sz="2700" dirty="0">
            <a:latin typeface="Calibri" panose="020F0502020204030204"/>
            <a:ea typeface="+mn-ea"/>
            <a:cs typeface="+mn-cs"/>
          </a:endParaRPr>
        </a:p>
      </dgm:t>
    </dgm:pt>
    <dgm:pt modelId="{962D9DA3-9A4B-4B3D-BB1F-BB0433EA388C}" type="parTrans" cxnId="{1606A9B0-44CE-49F1-B9A5-A3A3C23C36A1}">
      <dgm:prSet/>
      <dgm:spPr/>
      <dgm:t>
        <a:bodyPr/>
        <a:lstStyle/>
        <a:p>
          <a:endParaRPr lang="de-DE"/>
        </a:p>
      </dgm:t>
    </dgm:pt>
    <dgm:pt modelId="{33B0FC79-9C2C-4E68-B54D-72EE1DCAA233}" type="sibTrans" cxnId="{1606A9B0-44CE-49F1-B9A5-A3A3C23C36A1}">
      <dgm:prSet/>
      <dgm:spPr/>
      <dgm:t>
        <a:bodyPr/>
        <a:lstStyle/>
        <a:p>
          <a:endParaRPr lang="de-DE"/>
        </a:p>
      </dgm:t>
    </dgm:pt>
    <dgm:pt modelId="{E8F1FC5D-DAF8-4DBA-8A81-C4AE4DD6739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Eigensicherung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85683106-9A7D-4544-9AEA-792EAA924ADD}" type="parTrans" cxnId="{4C06BD77-B0D8-4643-851E-D11605F7B36C}">
      <dgm:prSet/>
      <dgm:spPr/>
      <dgm:t>
        <a:bodyPr/>
        <a:lstStyle/>
        <a:p>
          <a:endParaRPr lang="de-DE"/>
        </a:p>
      </dgm:t>
    </dgm:pt>
    <dgm:pt modelId="{0F18389B-9B3C-4ECF-821F-64F71E7AA75A}" type="sibTrans" cxnId="{4C06BD77-B0D8-4643-851E-D11605F7B36C}">
      <dgm:prSet/>
      <dgm:spPr/>
      <dgm:t>
        <a:bodyPr/>
        <a:lstStyle/>
        <a:p>
          <a:endParaRPr lang="de-DE"/>
        </a:p>
      </dgm:t>
    </dgm:pt>
    <dgm:pt modelId="{73E05470-D226-4D4D-B1F3-B0331922437D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Ausleuchten der Unfallstelle 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BBAE433C-206C-4AF9-B401-00BD17EFEDE1}" type="parTrans" cxnId="{8E7B00FC-3AF9-4DBA-BFC8-F7C763B5FAD4}">
      <dgm:prSet/>
      <dgm:spPr/>
      <dgm:t>
        <a:bodyPr/>
        <a:lstStyle/>
        <a:p>
          <a:endParaRPr lang="de-DE"/>
        </a:p>
      </dgm:t>
    </dgm:pt>
    <dgm:pt modelId="{09B44C19-FE1E-4990-AA5B-28058545A0FE}" type="sibTrans" cxnId="{8E7B00FC-3AF9-4DBA-BFC8-F7C763B5FAD4}">
      <dgm:prSet/>
      <dgm:spPr/>
      <dgm:t>
        <a:bodyPr/>
        <a:lstStyle/>
        <a:p>
          <a:endParaRPr lang="de-DE"/>
        </a:p>
      </dgm:t>
    </dgm:pt>
    <dgm:pt modelId="{6DEC27FE-2AF7-4689-8FF9-48C00080DAE1}">
      <dgm:prSet custT="1"/>
      <dgm:spPr/>
      <dgm:t>
        <a:bodyPr/>
        <a:lstStyle/>
        <a:p>
          <a:pPr algn="l"/>
          <a:r>
            <a:rPr lang="de-DE" sz="2000" dirty="0"/>
            <a:t>Kommunikation untereinander und mit anderen am Einsatz beteiligten BOS-Einheiten, Leitstelle </a:t>
          </a:r>
        </a:p>
      </dgm:t>
    </dgm:pt>
    <dgm:pt modelId="{22AFA410-7ABF-40A3-A6EE-CC8BECD79AFD}" type="parTrans" cxnId="{725681D1-5978-4254-96B1-1AA24B537AC2}">
      <dgm:prSet/>
      <dgm:spPr/>
      <dgm:t>
        <a:bodyPr/>
        <a:lstStyle/>
        <a:p>
          <a:endParaRPr lang="de-DE"/>
        </a:p>
      </dgm:t>
    </dgm:pt>
    <dgm:pt modelId="{4BD3C6A5-0428-470B-A762-EEC521C2EB63}" type="sibTrans" cxnId="{725681D1-5978-4254-96B1-1AA24B537AC2}">
      <dgm:prSet/>
      <dgm:spPr/>
      <dgm:t>
        <a:bodyPr/>
        <a:lstStyle/>
        <a:p>
          <a:endParaRPr lang="de-DE"/>
        </a:p>
      </dgm:t>
    </dgm:pt>
    <dgm:pt modelId="{42FA7853-BF01-4909-AB2E-D95053B22309}" type="pres">
      <dgm:prSet presAssocID="{DF41A701-3E60-45DD-87C4-A41C28EEBF3C}" presName="Name0" presStyleCnt="0">
        <dgm:presLayoutVars>
          <dgm:dir/>
          <dgm:resizeHandles val="exact"/>
        </dgm:presLayoutVars>
      </dgm:prSet>
      <dgm:spPr/>
    </dgm:pt>
    <dgm:pt modelId="{19AF4AF2-E2BA-408B-9A59-75707C48F070}" type="pres">
      <dgm:prSet presAssocID="{DF41A701-3E60-45DD-87C4-A41C28EEBF3C}" presName="bkgdShp" presStyleLbl="alignAccFollowNode1" presStyleIdx="0" presStyleCn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</a:gradFill>
      </dgm:spPr>
    </dgm:pt>
    <dgm:pt modelId="{393228BE-F531-4562-A9B9-8E6DCEFD65D5}" type="pres">
      <dgm:prSet presAssocID="{DF41A701-3E60-45DD-87C4-A41C28EEBF3C}" presName="linComp" presStyleCnt="0"/>
      <dgm:spPr/>
    </dgm:pt>
    <dgm:pt modelId="{F179BA65-0387-4039-8C30-599595A757FA}" type="pres">
      <dgm:prSet presAssocID="{43471B4A-3533-4C23-AA98-AF07B4F0FD85}" presName="compNode" presStyleCnt="0"/>
      <dgm:spPr/>
    </dgm:pt>
    <dgm:pt modelId="{B3F0B225-88BF-4329-B77F-0A8C0271F05F}" type="pres">
      <dgm:prSet presAssocID="{43471B4A-3533-4C23-AA98-AF07B4F0FD85}" presName="node" presStyleLbl="node1" presStyleIdx="0" presStyleCnt="2">
        <dgm:presLayoutVars>
          <dgm:bulletEnabled val="1"/>
        </dgm:presLayoutVars>
      </dgm:prSet>
      <dgm:spPr>
        <a:prstGeom prst="round2SameRect">
          <a:avLst>
            <a:gd name="adj1" fmla="val 10500"/>
            <a:gd name="adj2" fmla="val 0"/>
          </a:avLst>
        </a:prstGeom>
      </dgm:spPr>
    </dgm:pt>
    <dgm:pt modelId="{893732E2-7DDD-44D1-94C5-87E8562042EF}" type="pres">
      <dgm:prSet presAssocID="{43471B4A-3533-4C23-AA98-AF07B4F0FD85}" presName="invisiNode" presStyleLbl="node1" presStyleIdx="0" presStyleCnt="2"/>
      <dgm:spPr/>
    </dgm:pt>
    <dgm:pt modelId="{B5879C75-A95E-40BA-BDEE-0DDF1AF2CA98}" type="pres">
      <dgm:prSet presAssocID="{43471B4A-3533-4C23-AA98-AF07B4F0FD85}" presName="imagNode" presStyleLbl="fgImgPlace1" presStyleIdx="0" presStyleCnt="2"/>
      <dgm:spPr>
        <a:xfrm>
          <a:off x="247832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30450" t="-8339" r="30450" b="-8339"/>
          </a:stretch>
        </a:blipFill>
      </dgm:spPr>
    </dgm:pt>
    <dgm:pt modelId="{6DEFEC5D-A71B-4137-9B4E-3A139708FAD3}" type="pres">
      <dgm:prSet presAssocID="{A0457F3A-6337-48DF-8C8C-3093048BD5E3}" presName="sibTrans" presStyleLbl="sibTrans2D1" presStyleIdx="0" presStyleCnt="0"/>
      <dgm:spPr/>
    </dgm:pt>
    <dgm:pt modelId="{B35CD36D-F4DA-46BB-AF8E-0DE523A9454C}" type="pres">
      <dgm:prSet presAssocID="{9550F5A6-F59D-4A29-8F8B-C66E5D1304D3}" presName="compNode" presStyleCnt="0"/>
      <dgm:spPr/>
    </dgm:pt>
    <dgm:pt modelId="{D44DE90D-91EF-4F88-AC0B-95A49A938705}" type="pres">
      <dgm:prSet presAssocID="{9550F5A6-F59D-4A29-8F8B-C66E5D1304D3}" presName="node" presStyleLbl="node1" presStyleIdx="1" presStyleCnt="2" custLinFactNeighborX="866" custLinFactNeighborY="0">
        <dgm:presLayoutVars>
          <dgm:bulletEnabled val="1"/>
        </dgm:presLayoutVars>
      </dgm:prSet>
      <dgm:spPr/>
    </dgm:pt>
    <dgm:pt modelId="{64AADF10-6B56-48EA-A017-BEF94E84AB09}" type="pres">
      <dgm:prSet presAssocID="{9550F5A6-F59D-4A29-8F8B-C66E5D1304D3}" presName="invisiNode" presStyleLbl="node1" presStyleIdx="1" presStyleCnt="2"/>
      <dgm:spPr/>
    </dgm:pt>
    <dgm:pt modelId="{53AA31C6-6660-48DA-9FAD-7384346AC6D5}" type="pres">
      <dgm:prSet presAssocID="{9550F5A6-F59D-4A29-8F8B-C66E5D1304D3}" presName="imagNode" presStyleLbl="fgImgPlace1" presStyleIdx="1" presStyleCnt="2"/>
      <dgm:spPr>
        <a:xfrm>
          <a:off x="4298941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23607" t="5662" r="23607" b="5662"/>
          </a:stretch>
        </a:blipFill>
      </dgm:spPr>
    </dgm:pt>
  </dgm:ptLst>
  <dgm:cxnLst>
    <dgm:cxn modelId="{369EE500-51B1-4BA9-9203-DDBCD1DF0786}" type="presOf" srcId="{9550F5A6-F59D-4A29-8F8B-C66E5D1304D3}" destId="{D44DE90D-91EF-4F88-AC0B-95A49A938705}" srcOrd="0" destOrd="0" presId="urn:microsoft.com/office/officeart/2005/8/layout/pList2"/>
    <dgm:cxn modelId="{0884D725-6C59-4149-8E66-31C22ECD2D65}" type="presOf" srcId="{6DEC27FE-2AF7-4689-8FF9-48C00080DAE1}" destId="{D44DE90D-91EF-4F88-AC0B-95A49A938705}" srcOrd="0" destOrd="1" presId="urn:microsoft.com/office/officeart/2005/8/layout/pList2"/>
    <dgm:cxn modelId="{E6002E3B-4821-490F-BF47-430E17CECBEA}" type="presOf" srcId="{E8F1FC5D-DAF8-4DBA-8A81-C4AE4DD67395}" destId="{B3F0B225-88BF-4329-B77F-0A8C0271F05F}" srcOrd="0" destOrd="1" presId="urn:microsoft.com/office/officeart/2005/8/layout/pList2"/>
    <dgm:cxn modelId="{79125E61-EB6A-4005-8F66-7947021C2A40}" type="presOf" srcId="{DF41A701-3E60-45DD-87C4-A41C28EEBF3C}" destId="{42FA7853-BF01-4909-AB2E-D95053B22309}" srcOrd="0" destOrd="0" presId="urn:microsoft.com/office/officeart/2005/8/layout/pList2"/>
    <dgm:cxn modelId="{4C06BD77-B0D8-4643-851E-D11605F7B36C}" srcId="{43471B4A-3533-4C23-AA98-AF07B4F0FD85}" destId="{E8F1FC5D-DAF8-4DBA-8A81-C4AE4DD67395}" srcOrd="0" destOrd="0" parTransId="{85683106-9A7D-4544-9AEA-792EAA924ADD}" sibTransId="{0F18389B-9B3C-4ECF-821F-64F71E7AA75A}"/>
    <dgm:cxn modelId="{D0D2787E-E52E-4545-AD32-D3F6017B0915}" srcId="{DF41A701-3E60-45DD-87C4-A41C28EEBF3C}" destId="{43471B4A-3533-4C23-AA98-AF07B4F0FD85}" srcOrd="0" destOrd="0" parTransId="{63C7A958-6502-49D4-8341-61DC22DCB076}" sibTransId="{A0457F3A-6337-48DF-8C8C-3093048BD5E3}"/>
    <dgm:cxn modelId="{EDA8F28A-8CBD-4D10-AE8C-14EEE2086747}" type="presOf" srcId="{43471B4A-3533-4C23-AA98-AF07B4F0FD85}" destId="{B3F0B225-88BF-4329-B77F-0A8C0271F05F}" srcOrd="0" destOrd="0" presId="urn:microsoft.com/office/officeart/2005/8/layout/pList2"/>
    <dgm:cxn modelId="{72A5A48F-B916-4198-A53E-5562D5386AC7}" type="presOf" srcId="{A0457F3A-6337-48DF-8C8C-3093048BD5E3}" destId="{6DEFEC5D-A71B-4137-9B4E-3A139708FAD3}" srcOrd="0" destOrd="0" presId="urn:microsoft.com/office/officeart/2005/8/layout/pList2"/>
    <dgm:cxn modelId="{1606A9B0-44CE-49F1-B9A5-A3A3C23C36A1}" srcId="{DF41A701-3E60-45DD-87C4-A41C28EEBF3C}" destId="{9550F5A6-F59D-4A29-8F8B-C66E5D1304D3}" srcOrd="1" destOrd="0" parTransId="{962D9DA3-9A4B-4B3D-BB1F-BB0433EA388C}" sibTransId="{33B0FC79-9C2C-4E68-B54D-72EE1DCAA233}"/>
    <dgm:cxn modelId="{725681D1-5978-4254-96B1-1AA24B537AC2}" srcId="{9550F5A6-F59D-4A29-8F8B-C66E5D1304D3}" destId="{6DEC27FE-2AF7-4689-8FF9-48C00080DAE1}" srcOrd="0" destOrd="0" parTransId="{22AFA410-7ABF-40A3-A6EE-CC8BECD79AFD}" sibTransId="{4BD3C6A5-0428-470B-A762-EEC521C2EB63}"/>
    <dgm:cxn modelId="{D0B01BEC-F859-41A9-BBCF-FD9CC730E5F2}" type="presOf" srcId="{73E05470-D226-4D4D-B1F3-B0331922437D}" destId="{B3F0B225-88BF-4329-B77F-0A8C0271F05F}" srcOrd="0" destOrd="2" presId="urn:microsoft.com/office/officeart/2005/8/layout/pList2"/>
    <dgm:cxn modelId="{8E7B00FC-3AF9-4DBA-BFC8-F7C763B5FAD4}" srcId="{43471B4A-3533-4C23-AA98-AF07B4F0FD85}" destId="{73E05470-D226-4D4D-B1F3-B0331922437D}" srcOrd="1" destOrd="0" parTransId="{BBAE433C-206C-4AF9-B401-00BD17EFEDE1}" sibTransId="{09B44C19-FE1E-4990-AA5B-28058545A0FE}"/>
    <dgm:cxn modelId="{A5BB67E3-0D68-4E18-89FD-BADFF0E9FFBC}" type="presParOf" srcId="{42FA7853-BF01-4909-AB2E-D95053B22309}" destId="{19AF4AF2-E2BA-408B-9A59-75707C48F070}" srcOrd="0" destOrd="0" presId="urn:microsoft.com/office/officeart/2005/8/layout/pList2"/>
    <dgm:cxn modelId="{5245E022-5899-4119-8E72-73801BB0BFB3}" type="presParOf" srcId="{42FA7853-BF01-4909-AB2E-D95053B22309}" destId="{393228BE-F531-4562-A9B9-8E6DCEFD65D5}" srcOrd="1" destOrd="0" presId="urn:microsoft.com/office/officeart/2005/8/layout/pList2"/>
    <dgm:cxn modelId="{3DA992CA-A80D-4E36-A4B6-8A07C0428B20}" type="presParOf" srcId="{393228BE-F531-4562-A9B9-8E6DCEFD65D5}" destId="{F179BA65-0387-4039-8C30-599595A757FA}" srcOrd="0" destOrd="0" presId="urn:microsoft.com/office/officeart/2005/8/layout/pList2"/>
    <dgm:cxn modelId="{9591E5DF-12AA-42F0-B443-489B64D7C1F3}" type="presParOf" srcId="{F179BA65-0387-4039-8C30-599595A757FA}" destId="{B3F0B225-88BF-4329-B77F-0A8C0271F05F}" srcOrd="0" destOrd="0" presId="urn:microsoft.com/office/officeart/2005/8/layout/pList2"/>
    <dgm:cxn modelId="{7C1556F8-6A14-42DA-9BE9-1DBAEDFCA491}" type="presParOf" srcId="{F179BA65-0387-4039-8C30-599595A757FA}" destId="{893732E2-7DDD-44D1-94C5-87E8562042EF}" srcOrd="1" destOrd="0" presId="urn:microsoft.com/office/officeart/2005/8/layout/pList2"/>
    <dgm:cxn modelId="{5BA148DC-2D03-4CA5-8E81-5679F81B8F10}" type="presParOf" srcId="{F179BA65-0387-4039-8C30-599595A757FA}" destId="{B5879C75-A95E-40BA-BDEE-0DDF1AF2CA98}" srcOrd="2" destOrd="0" presId="urn:microsoft.com/office/officeart/2005/8/layout/pList2"/>
    <dgm:cxn modelId="{9E542D47-785E-497F-AA9E-7569EBCB8E92}" type="presParOf" srcId="{393228BE-F531-4562-A9B9-8E6DCEFD65D5}" destId="{6DEFEC5D-A71B-4137-9B4E-3A139708FAD3}" srcOrd="1" destOrd="0" presId="urn:microsoft.com/office/officeart/2005/8/layout/pList2"/>
    <dgm:cxn modelId="{E941E780-B4D9-4BD9-8AD5-44E60E6455EA}" type="presParOf" srcId="{393228BE-F531-4562-A9B9-8E6DCEFD65D5}" destId="{B35CD36D-F4DA-46BB-AF8E-0DE523A9454C}" srcOrd="2" destOrd="0" presId="urn:microsoft.com/office/officeart/2005/8/layout/pList2"/>
    <dgm:cxn modelId="{4F8D2AFC-6F17-496C-8728-7BAE4D067D43}" type="presParOf" srcId="{B35CD36D-F4DA-46BB-AF8E-0DE523A9454C}" destId="{D44DE90D-91EF-4F88-AC0B-95A49A938705}" srcOrd="0" destOrd="0" presId="urn:microsoft.com/office/officeart/2005/8/layout/pList2"/>
    <dgm:cxn modelId="{223DD387-5659-491E-A2EB-06AD45215984}" type="presParOf" srcId="{B35CD36D-F4DA-46BB-AF8E-0DE523A9454C}" destId="{64AADF10-6B56-48EA-A017-BEF94E84AB09}" srcOrd="1" destOrd="0" presId="urn:microsoft.com/office/officeart/2005/8/layout/pList2"/>
    <dgm:cxn modelId="{AC8DEF9D-70D1-4D70-A4CA-042E1886512A}" type="presParOf" srcId="{B35CD36D-F4DA-46BB-AF8E-0DE523A9454C}" destId="{53AA31C6-6660-48DA-9FAD-7384346AC6D5}" srcOrd="2" destOrd="0" presId="urn:microsoft.com/office/officeart/2005/8/layout/pList2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DF41A701-3E60-45DD-87C4-A41C28EEBF3C}" type="doc">
      <dgm:prSet loTypeId="urn:microsoft.com/office/officeart/2005/8/layout/pList2" loCatId="picture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de-DE"/>
        </a:p>
      </dgm:t>
    </dgm:pt>
    <dgm:pt modelId="{43471B4A-3533-4C23-AA98-AF07B4F0FD8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 dirty="0">
              <a:latin typeface="Calibri" panose="020F0502020204030204"/>
              <a:ea typeface="+mn-ea"/>
              <a:cs typeface="+mn-cs"/>
            </a:rPr>
            <a:t>Erste-Hilfe-Kasten</a:t>
          </a:r>
        </a:p>
      </dgm:t>
    </dgm:pt>
    <dgm:pt modelId="{63C7A958-6502-49D4-8341-61DC22DCB076}" type="parTrans" cxnId="{D0D2787E-E52E-4545-AD32-D3F6017B0915}">
      <dgm:prSet/>
      <dgm:spPr/>
      <dgm:t>
        <a:bodyPr/>
        <a:lstStyle/>
        <a:p>
          <a:endParaRPr lang="de-DE"/>
        </a:p>
      </dgm:t>
    </dgm:pt>
    <dgm:pt modelId="{A0457F3A-6337-48DF-8C8C-3093048BD5E3}" type="sibTrans" cxnId="{D0D2787E-E52E-4545-AD32-D3F6017B0915}">
      <dgm:prSet/>
      <dgm:spPr/>
      <dgm:t>
        <a:bodyPr/>
        <a:lstStyle/>
        <a:p>
          <a:endParaRPr lang="de-DE"/>
        </a:p>
      </dgm:t>
    </dgm:pt>
    <dgm:pt modelId="{9550F5A6-F59D-4A29-8F8B-C66E5D1304D3}">
      <dgm:prSet phldrT="[Text]" cust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4330834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 sz="2700" dirty="0">
              <a:latin typeface="Calibri" panose="020F0502020204030204"/>
              <a:ea typeface="+mn-ea"/>
              <a:cs typeface="+mn-cs"/>
            </a:rPr>
            <a:t>Krankentransporttrage</a:t>
          </a:r>
        </a:p>
      </dgm:t>
    </dgm:pt>
    <dgm:pt modelId="{962D9DA3-9A4B-4B3D-BB1F-BB0433EA388C}" type="parTrans" cxnId="{1606A9B0-44CE-49F1-B9A5-A3A3C23C36A1}">
      <dgm:prSet/>
      <dgm:spPr/>
      <dgm:t>
        <a:bodyPr/>
        <a:lstStyle/>
        <a:p>
          <a:endParaRPr lang="de-DE"/>
        </a:p>
      </dgm:t>
    </dgm:pt>
    <dgm:pt modelId="{33B0FC79-9C2C-4E68-B54D-72EE1DCAA233}" type="sibTrans" cxnId="{1606A9B0-44CE-49F1-B9A5-A3A3C23C36A1}">
      <dgm:prSet/>
      <dgm:spPr/>
      <dgm:t>
        <a:bodyPr/>
        <a:lstStyle/>
        <a:p>
          <a:endParaRPr lang="de-DE"/>
        </a:p>
      </dgm:t>
    </dgm:pt>
    <dgm:pt modelId="{E8F1FC5D-DAF8-4DBA-8A81-C4AE4DD6739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 dirty="0">
              <a:latin typeface="Calibri" panose="020F0502020204030204"/>
              <a:ea typeface="+mn-ea"/>
              <a:cs typeface="+mn-cs"/>
            </a:rPr>
            <a:t>Erstversorgung der verletzten Person </a:t>
          </a:r>
        </a:p>
      </dgm:t>
    </dgm:pt>
    <dgm:pt modelId="{85683106-9A7D-4544-9AEA-792EAA924ADD}" type="parTrans" cxnId="{4C06BD77-B0D8-4643-851E-D11605F7B36C}">
      <dgm:prSet/>
      <dgm:spPr/>
      <dgm:t>
        <a:bodyPr/>
        <a:lstStyle/>
        <a:p>
          <a:endParaRPr lang="de-DE"/>
        </a:p>
      </dgm:t>
    </dgm:pt>
    <dgm:pt modelId="{0F18389B-9B3C-4ECF-821F-64F71E7AA75A}" type="sibTrans" cxnId="{4C06BD77-B0D8-4643-851E-D11605F7B36C}">
      <dgm:prSet/>
      <dgm:spPr/>
      <dgm:t>
        <a:bodyPr/>
        <a:lstStyle/>
        <a:p>
          <a:endParaRPr lang="de-DE"/>
        </a:p>
      </dgm:t>
    </dgm:pt>
    <dgm:pt modelId="{73E05470-D226-4D4D-B1F3-B0331922437D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 dirty="0">
              <a:latin typeface="Calibri" panose="020F0502020204030204"/>
              <a:ea typeface="+mn-ea"/>
              <a:cs typeface="+mn-cs"/>
            </a:rPr>
            <a:t>Erstversorgung von verletzten Kamerad/innen</a:t>
          </a:r>
        </a:p>
      </dgm:t>
    </dgm:pt>
    <dgm:pt modelId="{BBAE433C-206C-4AF9-B401-00BD17EFEDE1}" type="parTrans" cxnId="{8E7B00FC-3AF9-4DBA-BFC8-F7C763B5FAD4}">
      <dgm:prSet/>
      <dgm:spPr/>
      <dgm:t>
        <a:bodyPr/>
        <a:lstStyle/>
        <a:p>
          <a:endParaRPr lang="de-DE"/>
        </a:p>
      </dgm:t>
    </dgm:pt>
    <dgm:pt modelId="{09B44C19-FE1E-4990-AA5B-28058545A0FE}" type="sibTrans" cxnId="{8E7B00FC-3AF9-4DBA-BFC8-F7C763B5FAD4}">
      <dgm:prSet/>
      <dgm:spPr/>
      <dgm:t>
        <a:bodyPr/>
        <a:lstStyle/>
        <a:p>
          <a:endParaRPr lang="de-DE"/>
        </a:p>
      </dgm:t>
    </dgm:pt>
    <dgm:pt modelId="{C1A028C8-C193-4618-85B8-AB68E959FAAA}">
      <dgm:prSet custT="1"/>
      <dgm:spPr/>
      <dgm:t>
        <a:bodyPr/>
        <a:lstStyle/>
        <a:p>
          <a:r>
            <a:rPr lang="de-DE" sz="1800" dirty="0"/>
            <a:t>Transport von der Gefahrenstelle zur Übergabe an den Rettungsdienst</a:t>
          </a:r>
        </a:p>
      </dgm:t>
    </dgm:pt>
    <dgm:pt modelId="{79F1BACE-2B79-4386-BBA6-05B0C54DE334}" type="parTrans" cxnId="{19CBE8D1-6329-44AC-B766-4357B0A02CA9}">
      <dgm:prSet/>
      <dgm:spPr/>
      <dgm:t>
        <a:bodyPr/>
        <a:lstStyle/>
        <a:p>
          <a:endParaRPr lang="de-DE"/>
        </a:p>
      </dgm:t>
    </dgm:pt>
    <dgm:pt modelId="{08B09D34-FCCC-4430-AA93-7D7A69F7D489}" type="sibTrans" cxnId="{19CBE8D1-6329-44AC-B766-4357B0A02CA9}">
      <dgm:prSet/>
      <dgm:spPr/>
      <dgm:t>
        <a:bodyPr/>
        <a:lstStyle/>
        <a:p>
          <a:endParaRPr lang="de-DE"/>
        </a:p>
      </dgm:t>
    </dgm:pt>
    <dgm:pt modelId="{3D5D2E50-A223-4CB1-9EF3-5590465DD7AF}">
      <dgm:prSet custT="1"/>
      <dgm:spPr/>
      <dgm:t>
        <a:bodyPr/>
        <a:lstStyle/>
        <a:p>
          <a:r>
            <a:rPr lang="de-DE" sz="1800" dirty="0"/>
            <a:t>Weitere Erste-Hilfe-Ausrüstung je nach Bedarf und Vorhandensein</a:t>
          </a:r>
        </a:p>
      </dgm:t>
    </dgm:pt>
    <dgm:pt modelId="{C2FFA247-960B-41C4-9F69-F00F40FBE7CF}" type="parTrans" cxnId="{8425FA56-75CB-4713-A84B-EFC8D1C16A21}">
      <dgm:prSet/>
      <dgm:spPr/>
    </dgm:pt>
    <dgm:pt modelId="{FC4909C7-FFAD-4291-A3E0-7B8114B0B9AC}" type="sibTrans" cxnId="{8425FA56-75CB-4713-A84B-EFC8D1C16A21}">
      <dgm:prSet/>
      <dgm:spPr/>
    </dgm:pt>
    <dgm:pt modelId="{42FA7853-BF01-4909-AB2E-D95053B22309}" type="pres">
      <dgm:prSet presAssocID="{DF41A701-3E60-45DD-87C4-A41C28EEBF3C}" presName="Name0" presStyleCnt="0">
        <dgm:presLayoutVars>
          <dgm:dir/>
          <dgm:resizeHandles val="exact"/>
        </dgm:presLayoutVars>
      </dgm:prSet>
      <dgm:spPr/>
    </dgm:pt>
    <dgm:pt modelId="{19AF4AF2-E2BA-408B-9A59-75707C48F070}" type="pres">
      <dgm:prSet presAssocID="{DF41A701-3E60-45DD-87C4-A41C28EEBF3C}" presName="bkgdShp" presStyleLbl="alignAccFollowNode1" presStyleIdx="0" presStyleCn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</a:gradFill>
      </dgm:spPr>
    </dgm:pt>
    <dgm:pt modelId="{393228BE-F531-4562-A9B9-8E6DCEFD65D5}" type="pres">
      <dgm:prSet presAssocID="{DF41A701-3E60-45DD-87C4-A41C28EEBF3C}" presName="linComp" presStyleCnt="0"/>
      <dgm:spPr/>
    </dgm:pt>
    <dgm:pt modelId="{F179BA65-0387-4039-8C30-599595A757FA}" type="pres">
      <dgm:prSet presAssocID="{43471B4A-3533-4C23-AA98-AF07B4F0FD85}" presName="compNode" presStyleCnt="0"/>
      <dgm:spPr/>
    </dgm:pt>
    <dgm:pt modelId="{B3F0B225-88BF-4329-B77F-0A8C0271F05F}" type="pres">
      <dgm:prSet presAssocID="{43471B4A-3533-4C23-AA98-AF07B4F0FD85}" presName="node" presStyleLbl="node1" presStyleIdx="0" presStyleCnt="2">
        <dgm:presLayoutVars>
          <dgm:bulletEnabled val="1"/>
        </dgm:presLayoutVars>
      </dgm:prSet>
      <dgm:spPr>
        <a:prstGeom prst="round2SameRect">
          <a:avLst>
            <a:gd name="adj1" fmla="val 10500"/>
            <a:gd name="adj2" fmla="val 0"/>
          </a:avLst>
        </a:prstGeom>
      </dgm:spPr>
    </dgm:pt>
    <dgm:pt modelId="{893732E2-7DDD-44D1-94C5-87E8562042EF}" type="pres">
      <dgm:prSet presAssocID="{43471B4A-3533-4C23-AA98-AF07B4F0FD85}" presName="invisiNode" presStyleLbl="node1" presStyleIdx="0" presStyleCnt="2"/>
      <dgm:spPr/>
    </dgm:pt>
    <dgm:pt modelId="{B5879C75-A95E-40BA-BDEE-0DDF1AF2CA98}" type="pres">
      <dgm:prSet presAssocID="{43471B4A-3533-4C23-AA98-AF07B4F0FD85}" presName="imagNode" presStyleLbl="fgImgPlace1" presStyleIdx="0" presStyleCnt="2"/>
      <dgm:spPr>
        <a:xfrm>
          <a:off x="247832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/>
          <a:srcRect/>
          <a:stretch>
            <a:fillRect l="6989" t="-31675" r="6989" b="-31675"/>
          </a:stretch>
        </a:blipFill>
      </dgm:spPr>
    </dgm:pt>
    <dgm:pt modelId="{6DEFEC5D-A71B-4137-9B4E-3A139708FAD3}" type="pres">
      <dgm:prSet presAssocID="{A0457F3A-6337-48DF-8C8C-3093048BD5E3}" presName="sibTrans" presStyleLbl="sibTrans2D1" presStyleIdx="0" presStyleCnt="0"/>
      <dgm:spPr/>
    </dgm:pt>
    <dgm:pt modelId="{B35CD36D-F4DA-46BB-AF8E-0DE523A9454C}" type="pres">
      <dgm:prSet presAssocID="{9550F5A6-F59D-4A29-8F8B-C66E5D1304D3}" presName="compNode" presStyleCnt="0"/>
      <dgm:spPr/>
    </dgm:pt>
    <dgm:pt modelId="{D44DE90D-91EF-4F88-AC0B-95A49A938705}" type="pres">
      <dgm:prSet presAssocID="{9550F5A6-F59D-4A29-8F8B-C66E5D1304D3}" presName="node" presStyleLbl="node1" presStyleIdx="1" presStyleCnt="2" custLinFactNeighborX="866" custLinFactNeighborY="-1218">
        <dgm:presLayoutVars>
          <dgm:bulletEnabled val="1"/>
        </dgm:presLayoutVars>
      </dgm:prSet>
      <dgm:spPr/>
    </dgm:pt>
    <dgm:pt modelId="{64AADF10-6B56-48EA-A017-BEF94E84AB09}" type="pres">
      <dgm:prSet presAssocID="{9550F5A6-F59D-4A29-8F8B-C66E5D1304D3}" presName="invisiNode" presStyleLbl="node1" presStyleIdx="1" presStyleCnt="2"/>
      <dgm:spPr/>
    </dgm:pt>
    <dgm:pt modelId="{53AA31C6-6660-48DA-9FAD-7384346AC6D5}" type="pres">
      <dgm:prSet presAssocID="{9550F5A6-F59D-4A29-8F8B-C66E5D1304D3}" presName="imagNode" presStyleLbl="fgImgPlace1" presStyleIdx="1" presStyleCnt="2"/>
      <dgm:spPr>
        <a:xfrm>
          <a:off x="4298941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-1320" t="3328" r="-1320" b="3328"/>
          </a:stretch>
        </a:blipFill>
      </dgm:spPr>
    </dgm:pt>
  </dgm:ptLst>
  <dgm:cxnLst>
    <dgm:cxn modelId="{369EE500-51B1-4BA9-9203-DDBCD1DF0786}" type="presOf" srcId="{9550F5A6-F59D-4A29-8F8B-C66E5D1304D3}" destId="{D44DE90D-91EF-4F88-AC0B-95A49A938705}" srcOrd="0" destOrd="0" presId="urn:microsoft.com/office/officeart/2005/8/layout/pList2"/>
    <dgm:cxn modelId="{E6002E3B-4821-490F-BF47-430E17CECBEA}" type="presOf" srcId="{E8F1FC5D-DAF8-4DBA-8A81-C4AE4DD67395}" destId="{B3F0B225-88BF-4329-B77F-0A8C0271F05F}" srcOrd="0" destOrd="1" presId="urn:microsoft.com/office/officeart/2005/8/layout/pList2"/>
    <dgm:cxn modelId="{A9CA055E-7E51-45C1-B3CE-030236C3BB3F}" type="presOf" srcId="{C1A028C8-C193-4618-85B8-AB68E959FAAA}" destId="{D44DE90D-91EF-4F88-AC0B-95A49A938705}" srcOrd="0" destOrd="1" presId="urn:microsoft.com/office/officeart/2005/8/layout/pList2"/>
    <dgm:cxn modelId="{79125E61-EB6A-4005-8F66-7947021C2A40}" type="presOf" srcId="{DF41A701-3E60-45DD-87C4-A41C28EEBF3C}" destId="{42FA7853-BF01-4909-AB2E-D95053B22309}" srcOrd="0" destOrd="0" presId="urn:microsoft.com/office/officeart/2005/8/layout/pList2"/>
    <dgm:cxn modelId="{8425FA56-75CB-4713-A84B-EFC8D1C16A21}" srcId="{9550F5A6-F59D-4A29-8F8B-C66E5D1304D3}" destId="{3D5D2E50-A223-4CB1-9EF3-5590465DD7AF}" srcOrd="1" destOrd="0" parTransId="{C2FFA247-960B-41C4-9F69-F00F40FBE7CF}" sibTransId="{FC4909C7-FFAD-4291-A3E0-7B8114B0B9AC}"/>
    <dgm:cxn modelId="{4C06BD77-B0D8-4643-851E-D11605F7B36C}" srcId="{43471B4A-3533-4C23-AA98-AF07B4F0FD85}" destId="{E8F1FC5D-DAF8-4DBA-8A81-C4AE4DD67395}" srcOrd="0" destOrd="0" parTransId="{85683106-9A7D-4544-9AEA-792EAA924ADD}" sibTransId="{0F18389B-9B3C-4ECF-821F-64F71E7AA75A}"/>
    <dgm:cxn modelId="{D0D2787E-E52E-4545-AD32-D3F6017B0915}" srcId="{DF41A701-3E60-45DD-87C4-A41C28EEBF3C}" destId="{43471B4A-3533-4C23-AA98-AF07B4F0FD85}" srcOrd="0" destOrd="0" parTransId="{63C7A958-6502-49D4-8341-61DC22DCB076}" sibTransId="{A0457F3A-6337-48DF-8C8C-3093048BD5E3}"/>
    <dgm:cxn modelId="{EDA8F28A-8CBD-4D10-AE8C-14EEE2086747}" type="presOf" srcId="{43471B4A-3533-4C23-AA98-AF07B4F0FD85}" destId="{B3F0B225-88BF-4329-B77F-0A8C0271F05F}" srcOrd="0" destOrd="0" presId="urn:microsoft.com/office/officeart/2005/8/layout/pList2"/>
    <dgm:cxn modelId="{72A5A48F-B916-4198-A53E-5562D5386AC7}" type="presOf" srcId="{A0457F3A-6337-48DF-8C8C-3093048BD5E3}" destId="{6DEFEC5D-A71B-4137-9B4E-3A139708FAD3}" srcOrd="0" destOrd="0" presId="urn:microsoft.com/office/officeart/2005/8/layout/pList2"/>
    <dgm:cxn modelId="{1606A9B0-44CE-49F1-B9A5-A3A3C23C36A1}" srcId="{DF41A701-3E60-45DD-87C4-A41C28EEBF3C}" destId="{9550F5A6-F59D-4A29-8F8B-C66E5D1304D3}" srcOrd="1" destOrd="0" parTransId="{962D9DA3-9A4B-4B3D-BB1F-BB0433EA388C}" sibTransId="{33B0FC79-9C2C-4E68-B54D-72EE1DCAA233}"/>
    <dgm:cxn modelId="{19CBE8D1-6329-44AC-B766-4357B0A02CA9}" srcId="{9550F5A6-F59D-4A29-8F8B-C66E5D1304D3}" destId="{C1A028C8-C193-4618-85B8-AB68E959FAAA}" srcOrd="0" destOrd="0" parTransId="{79F1BACE-2B79-4386-BBA6-05B0C54DE334}" sibTransId="{08B09D34-FCCC-4430-AA93-7D7A69F7D489}"/>
    <dgm:cxn modelId="{D0B01BEC-F859-41A9-BBCF-FD9CC730E5F2}" type="presOf" srcId="{73E05470-D226-4D4D-B1F3-B0331922437D}" destId="{B3F0B225-88BF-4329-B77F-0A8C0271F05F}" srcOrd="0" destOrd="2" presId="urn:microsoft.com/office/officeart/2005/8/layout/pList2"/>
    <dgm:cxn modelId="{32D216FB-0383-433F-B6BA-39F14B7C7D07}" type="presOf" srcId="{3D5D2E50-A223-4CB1-9EF3-5590465DD7AF}" destId="{D44DE90D-91EF-4F88-AC0B-95A49A938705}" srcOrd="0" destOrd="2" presId="urn:microsoft.com/office/officeart/2005/8/layout/pList2"/>
    <dgm:cxn modelId="{8E7B00FC-3AF9-4DBA-BFC8-F7C763B5FAD4}" srcId="{43471B4A-3533-4C23-AA98-AF07B4F0FD85}" destId="{73E05470-D226-4D4D-B1F3-B0331922437D}" srcOrd="1" destOrd="0" parTransId="{BBAE433C-206C-4AF9-B401-00BD17EFEDE1}" sibTransId="{09B44C19-FE1E-4990-AA5B-28058545A0FE}"/>
    <dgm:cxn modelId="{A5BB67E3-0D68-4E18-89FD-BADFF0E9FFBC}" type="presParOf" srcId="{42FA7853-BF01-4909-AB2E-D95053B22309}" destId="{19AF4AF2-E2BA-408B-9A59-75707C48F070}" srcOrd="0" destOrd="0" presId="urn:microsoft.com/office/officeart/2005/8/layout/pList2"/>
    <dgm:cxn modelId="{5245E022-5899-4119-8E72-73801BB0BFB3}" type="presParOf" srcId="{42FA7853-BF01-4909-AB2E-D95053B22309}" destId="{393228BE-F531-4562-A9B9-8E6DCEFD65D5}" srcOrd="1" destOrd="0" presId="urn:microsoft.com/office/officeart/2005/8/layout/pList2"/>
    <dgm:cxn modelId="{3DA992CA-A80D-4E36-A4B6-8A07C0428B20}" type="presParOf" srcId="{393228BE-F531-4562-A9B9-8E6DCEFD65D5}" destId="{F179BA65-0387-4039-8C30-599595A757FA}" srcOrd="0" destOrd="0" presId="urn:microsoft.com/office/officeart/2005/8/layout/pList2"/>
    <dgm:cxn modelId="{9591E5DF-12AA-42F0-B443-489B64D7C1F3}" type="presParOf" srcId="{F179BA65-0387-4039-8C30-599595A757FA}" destId="{B3F0B225-88BF-4329-B77F-0A8C0271F05F}" srcOrd="0" destOrd="0" presId="urn:microsoft.com/office/officeart/2005/8/layout/pList2"/>
    <dgm:cxn modelId="{7C1556F8-6A14-42DA-9BE9-1DBAEDFCA491}" type="presParOf" srcId="{F179BA65-0387-4039-8C30-599595A757FA}" destId="{893732E2-7DDD-44D1-94C5-87E8562042EF}" srcOrd="1" destOrd="0" presId="urn:microsoft.com/office/officeart/2005/8/layout/pList2"/>
    <dgm:cxn modelId="{5BA148DC-2D03-4CA5-8E81-5679F81B8F10}" type="presParOf" srcId="{F179BA65-0387-4039-8C30-599595A757FA}" destId="{B5879C75-A95E-40BA-BDEE-0DDF1AF2CA98}" srcOrd="2" destOrd="0" presId="urn:microsoft.com/office/officeart/2005/8/layout/pList2"/>
    <dgm:cxn modelId="{9E542D47-785E-497F-AA9E-7569EBCB8E92}" type="presParOf" srcId="{393228BE-F531-4562-A9B9-8E6DCEFD65D5}" destId="{6DEFEC5D-A71B-4137-9B4E-3A139708FAD3}" srcOrd="1" destOrd="0" presId="urn:microsoft.com/office/officeart/2005/8/layout/pList2"/>
    <dgm:cxn modelId="{E941E780-B4D9-4BD9-8AD5-44E60E6455EA}" type="presParOf" srcId="{393228BE-F531-4562-A9B9-8E6DCEFD65D5}" destId="{B35CD36D-F4DA-46BB-AF8E-0DE523A9454C}" srcOrd="2" destOrd="0" presId="urn:microsoft.com/office/officeart/2005/8/layout/pList2"/>
    <dgm:cxn modelId="{4F8D2AFC-6F17-496C-8728-7BAE4D067D43}" type="presParOf" srcId="{B35CD36D-F4DA-46BB-AF8E-0DE523A9454C}" destId="{D44DE90D-91EF-4F88-AC0B-95A49A938705}" srcOrd="0" destOrd="0" presId="urn:microsoft.com/office/officeart/2005/8/layout/pList2"/>
    <dgm:cxn modelId="{223DD387-5659-491E-A2EB-06AD45215984}" type="presParOf" srcId="{B35CD36D-F4DA-46BB-AF8E-0DE523A9454C}" destId="{64AADF10-6B56-48EA-A017-BEF94E84AB09}" srcOrd="1" destOrd="0" presId="urn:microsoft.com/office/officeart/2005/8/layout/pList2"/>
    <dgm:cxn modelId="{AC8DEF9D-70D1-4D70-A4CA-042E1886512A}" type="presParOf" srcId="{B35CD36D-F4DA-46BB-AF8E-0DE523A9454C}" destId="{53AA31C6-6660-48DA-9FAD-7384346AC6D5}" srcOrd="2" destOrd="0" presId="urn:microsoft.com/office/officeart/2005/8/layout/pList2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DF41A701-3E60-45DD-87C4-A41C28EEBF3C}" type="doc">
      <dgm:prSet loTypeId="urn:microsoft.com/office/officeart/2005/8/layout/pList2" loCatId="picture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de-DE"/>
        </a:p>
      </dgm:t>
    </dgm:pt>
    <dgm:pt modelId="{43471B4A-3533-4C23-AA98-AF07B4F0FD8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>
              <a:latin typeface="Calibri" panose="020F0502020204030204"/>
              <a:ea typeface="+mn-ea"/>
              <a:cs typeface="+mn-cs"/>
            </a:rPr>
            <a:t>Absperrmaterial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63C7A958-6502-49D4-8341-61DC22DCB076}" type="parTrans" cxnId="{D0D2787E-E52E-4545-AD32-D3F6017B0915}">
      <dgm:prSet/>
      <dgm:spPr/>
      <dgm:t>
        <a:bodyPr/>
        <a:lstStyle/>
        <a:p>
          <a:endParaRPr lang="de-DE"/>
        </a:p>
      </dgm:t>
    </dgm:pt>
    <dgm:pt modelId="{A0457F3A-6337-48DF-8C8C-3093048BD5E3}" type="sibTrans" cxnId="{D0D2787E-E52E-4545-AD32-D3F6017B0915}">
      <dgm:prSet/>
      <dgm:spPr/>
      <dgm:t>
        <a:bodyPr/>
        <a:lstStyle/>
        <a:p>
          <a:endParaRPr lang="de-DE"/>
        </a:p>
      </dgm:t>
    </dgm:pt>
    <dgm:pt modelId="{9550F5A6-F59D-4A29-8F8B-C66E5D1304D3}">
      <dgm:prSet phldrT="[Text]" cust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4330834" y="2072361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 sz="2700">
              <a:latin typeface="Calibri" panose="020F0502020204030204"/>
              <a:ea typeface="+mn-ea"/>
              <a:cs typeface="+mn-cs"/>
            </a:rPr>
            <a:t>Absperrmaterial</a:t>
          </a:r>
          <a:endParaRPr lang="de-DE" sz="2700" dirty="0">
            <a:latin typeface="Calibri" panose="020F0502020204030204"/>
            <a:ea typeface="+mn-ea"/>
            <a:cs typeface="+mn-cs"/>
          </a:endParaRPr>
        </a:p>
      </dgm:t>
    </dgm:pt>
    <dgm:pt modelId="{962D9DA3-9A4B-4B3D-BB1F-BB0433EA388C}" type="parTrans" cxnId="{1606A9B0-44CE-49F1-B9A5-A3A3C23C36A1}">
      <dgm:prSet/>
      <dgm:spPr/>
      <dgm:t>
        <a:bodyPr/>
        <a:lstStyle/>
        <a:p>
          <a:endParaRPr lang="de-DE"/>
        </a:p>
      </dgm:t>
    </dgm:pt>
    <dgm:pt modelId="{33B0FC79-9C2C-4E68-B54D-72EE1DCAA233}" type="sibTrans" cxnId="{1606A9B0-44CE-49F1-B9A5-A3A3C23C36A1}">
      <dgm:prSet/>
      <dgm:spPr/>
      <dgm:t>
        <a:bodyPr/>
        <a:lstStyle/>
        <a:p>
          <a:endParaRPr lang="de-DE"/>
        </a:p>
      </dgm:t>
    </dgm:pt>
    <dgm:pt modelId="{E8F1FC5D-DAF8-4DBA-8A81-C4AE4DD6739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Warndreieck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85683106-9A7D-4544-9AEA-792EAA924ADD}" type="parTrans" cxnId="{4C06BD77-B0D8-4643-851E-D11605F7B36C}">
      <dgm:prSet/>
      <dgm:spPr/>
      <dgm:t>
        <a:bodyPr/>
        <a:lstStyle/>
        <a:p>
          <a:endParaRPr lang="de-DE"/>
        </a:p>
      </dgm:t>
    </dgm:pt>
    <dgm:pt modelId="{0F18389B-9B3C-4ECF-821F-64F71E7AA75A}" type="sibTrans" cxnId="{4C06BD77-B0D8-4643-851E-D11605F7B36C}">
      <dgm:prSet/>
      <dgm:spPr/>
      <dgm:t>
        <a:bodyPr/>
        <a:lstStyle/>
        <a:p>
          <a:endParaRPr lang="de-DE"/>
        </a:p>
      </dgm:t>
    </dgm:pt>
    <dgm:pt modelId="{73E05470-D226-4D4D-B1F3-B0331922437D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Verkehrsleitkegel/Pylone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BBAE433C-206C-4AF9-B401-00BD17EFEDE1}" type="parTrans" cxnId="{8E7B00FC-3AF9-4DBA-BFC8-F7C763B5FAD4}">
      <dgm:prSet/>
      <dgm:spPr/>
      <dgm:t>
        <a:bodyPr/>
        <a:lstStyle/>
        <a:p>
          <a:endParaRPr lang="de-DE"/>
        </a:p>
      </dgm:t>
    </dgm:pt>
    <dgm:pt modelId="{09B44C19-FE1E-4990-AA5B-28058545A0FE}" type="sibTrans" cxnId="{8E7B00FC-3AF9-4DBA-BFC8-F7C763B5FAD4}">
      <dgm:prSet/>
      <dgm:spPr/>
      <dgm:t>
        <a:bodyPr/>
        <a:lstStyle/>
        <a:p>
          <a:endParaRPr lang="de-DE"/>
        </a:p>
      </dgm:t>
    </dgm:pt>
    <dgm:pt modelId="{A29FCFF2-25FE-48C1-ADD1-F3A81C2C0B2B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Warnleuchte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0EC735E4-1AE8-4396-A26B-6DF5C89E5DF1}" type="parTrans" cxnId="{A3063AF2-39AF-4CA6-A4A6-2621A9A325B2}">
      <dgm:prSet/>
      <dgm:spPr/>
      <dgm:t>
        <a:bodyPr/>
        <a:lstStyle/>
        <a:p>
          <a:endParaRPr lang="de-DE"/>
        </a:p>
      </dgm:t>
    </dgm:pt>
    <dgm:pt modelId="{01E1C0F9-C16E-46A9-8372-863429262394}" type="sibTrans" cxnId="{A3063AF2-39AF-4CA6-A4A6-2621A9A325B2}">
      <dgm:prSet/>
      <dgm:spPr/>
      <dgm:t>
        <a:bodyPr/>
        <a:lstStyle/>
        <a:p>
          <a:endParaRPr lang="de-DE"/>
        </a:p>
      </dgm:t>
    </dgm:pt>
    <dgm:pt modelId="{7349EE24-1674-459B-9196-883A503F0263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47832" y="2103677"/>
          <a:ext cx="3682826" cy="2571162"/>
        </a:xfr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Etc.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B2B5DC48-2200-4C46-B6C0-992207209E81}" type="parTrans" cxnId="{0FAA1967-E01C-476A-B926-29C698E0708F}">
      <dgm:prSet/>
      <dgm:spPr/>
      <dgm:t>
        <a:bodyPr/>
        <a:lstStyle/>
        <a:p>
          <a:endParaRPr lang="de-DE"/>
        </a:p>
      </dgm:t>
    </dgm:pt>
    <dgm:pt modelId="{5E12A7A4-6B77-44FE-863D-4C642CE7865D}" type="sibTrans" cxnId="{0FAA1967-E01C-476A-B926-29C698E0708F}">
      <dgm:prSet/>
      <dgm:spPr/>
      <dgm:t>
        <a:bodyPr/>
        <a:lstStyle/>
        <a:p>
          <a:endParaRPr lang="de-DE"/>
        </a:p>
      </dgm:t>
    </dgm:pt>
    <dgm:pt modelId="{F4349AA7-D22C-4504-90AC-8540D5D1E338}">
      <dgm:prSet custT="1"/>
      <dgm:spPr/>
      <dgm:t>
        <a:bodyPr/>
        <a:lstStyle/>
        <a:p>
          <a:r>
            <a:rPr lang="de-DE" sz="1800" dirty="0"/>
            <a:t>Zum Sichern der Einsatzstelle gegen fließenden Straßenverkehr</a:t>
          </a:r>
        </a:p>
      </dgm:t>
    </dgm:pt>
    <dgm:pt modelId="{DC6FC448-1CEF-433F-86C3-566E24C3C31A}" type="parTrans" cxnId="{867D7EEA-439E-4415-B7A7-8D7054ACB3BE}">
      <dgm:prSet/>
      <dgm:spPr/>
      <dgm:t>
        <a:bodyPr/>
        <a:lstStyle/>
        <a:p>
          <a:endParaRPr lang="de-DE"/>
        </a:p>
      </dgm:t>
    </dgm:pt>
    <dgm:pt modelId="{BE2C0311-443A-49C6-8F2F-9AD943C7BE1C}" type="sibTrans" cxnId="{867D7EEA-439E-4415-B7A7-8D7054ACB3BE}">
      <dgm:prSet/>
      <dgm:spPr/>
      <dgm:t>
        <a:bodyPr/>
        <a:lstStyle/>
        <a:p>
          <a:endParaRPr lang="de-DE"/>
        </a:p>
      </dgm:t>
    </dgm:pt>
    <dgm:pt modelId="{F7B7E77A-4622-40A3-A058-0011B777813C}">
      <dgm:prSet custT="1"/>
      <dgm:spPr/>
      <dgm:t>
        <a:bodyPr/>
        <a:lstStyle/>
        <a:p>
          <a:r>
            <a:rPr lang="de-DE" sz="1800" dirty="0"/>
            <a:t>Markierung des Absperrbereiches zum Fernhalten von Schaulustigen </a:t>
          </a:r>
        </a:p>
      </dgm:t>
    </dgm:pt>
    <dgm:pt modelId="{81B36EA7-721A-457A-89B0-69BEE09A1F74}" type="parTrans" cxnId="{C8D97EB2-CBB1-4C3E-AF89-D6B7354E1538}">
      <dgm:prSet/>
      <dgm:spPr/>
      <dgm:t>
        <a:bodyPr/>
        <a:lstStyle/>
        <a:p>
          <a:endParaRPr lang="de-DE"/>
        </a:p>
      </dgm:t>
    </dgm:pt>
    <dgm:pt modelId="{D555B210-A026-44A1-995C-FC7D826E162A}" type="sibTrans" cxnId="{C8D97EB2-CBB1-4C3E-AF89-D6B7354E1538}">
      <dgm:prSet/>
      <dgm:spPr/>
      <dgm:t>
        <a:bodyPr/>
        <a:lstStyle/>
        <a:p>
          <a:endParaRPr lang="de-DE"/>
        </a:p>
      </dgm:t>
    </dgm:pt>
    <dgm:pt modelId="{42FA7853-BF01-4909-AB2E-D95053B22309}" type="pres">
      <dgm:prSet presAssocID="{DF41A701-3E60-45DD-87C4-A41C28EEBF3C}" presName="Name0" presStyleCnt="0">
        <dgm:presLayoutVars>
          <dgm:dir/>
          <dgm:resizeHandles val="exact"/>
        </dgm:presLayoutVars>
      </dgm:prSet>
      <dgm:spPr/>
    </dgm:pt>
    <dgm:pt modelId="{19AF4AF2-E2BA-408B-9A59-75707C48F070}" type="pres">
      <dgm:prSet presAssocID="{DF41A701-3E60-45DD-87C4-A41C28EEBF3C}" presName="bkgdShp" presStyleLbl="alignAccFollowNode1" presStyleIdx="0" presStyleCn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</a:gradFill>
      </dgm:spPr>
    </dgm:pt>
    <dgm:pt modelId="{393228BE-F531-4562-A9B9-8E6DCEFD65D5}" type="pres">
      <dgm:prSet presAssocID="{DF41A701-3E60-45DD-87C4-A41C28EEBF3C}" presName="linComp" presStyleCnt="0"/>
      <dgm:spPr/>
    </dgm:pt>
    <dgm:pt modelId="{F179BA65-0387-4039-8C30-599595A757FA}" type="pres">
      <dgm:prSet presAssocID="{43471B4A-3533-4C23-AA98-AF07B4F0FD85}" presName="compNode" presStyleCnt="0"/>
      <dgm:spPr/>
    </dgm:pt>
    <dgm:pt modelId="{B3F0B225-88BF-4329-B77F-0A8C0271F05F}" type="pres">
      <dgm:prSet presAssocID="{43471B4A-3533-4C23-AA98-AF07B4F0FD85}" presName="node" presStyleLbl="node1" presStyleIdx="0" presStyleCnt="2">
        <dgm:presLayoutVars>
          <dgm:bulletEnabled val="1"/>
        </dgm:presLayoutVars>
      </dgm:prSet>
      <dgm:spPr>
        <a:prstGeom prst="round2SameRect">
          <a:avLst>
            <a:gd name="adj1" fmla="val 10500"/>
            <a:gd name="adj2" fmla="val 0"/>
          </a:avLst>
        </a:prstGeom>
      </dgm:spPr>
    </dgm:pt>
    <dgm:pt modelId="{893732E2-7DDD-44D1-94C5-87E8562042EF}" type="pres">
      <dgm:prSet presAssocID="{43471B4A-3533-4C23-AA98-AF07B4F0FD85}" presName="invisiNode" presStyleLbl="node1" presStyleIdx="0" presStyleCnt="2"/>
      <dgm:spPr/>
    </dgm:pt>
    <dgm:pt modelId="{B5879C75-A95E-40BA-BDEE-0DDF1AF2CA98}" type="pres">
      <dgm:prSet presAssocID="{43471B4A-3533-4C23-AA98-AF07B4F0FD85}" presName="imagNode" presStyleLbl="fgImgPlace1" presStyleIdx="0" presStyleCnt="2"/>
      <dgm:spPr>
        <a:xfrm>
          <a:off x="247832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/>
          <a:srcRect/>
          <a:stretch>
            <a:fillRect l="29961" t="-3672" r="29961" b="-3672"/>
          </a:stretch>
        </a:blipFill>
      </dgm:spPr>
    </dgm:pt>
    <dgm:pt modelId="{6DEFEC5D-A71B-4137-9B4E-3A139708FAD3}" type="pres">
      <dgm:prSet presAssocID="{A0457F3A-6337-48DF-8C8C-3093048BD5E3}" presName="sibTrans" presStyleLbl="sibTrans2D1" presStyleIdx="0" presStyleCnt="0"/>
      <dgm:spPr/>
    </dgm:pt>
    <dgm:pt modelId="{B35CD36D-F4DA-46BB-AF8E-0DE523A9454C}" type="pres">
      <dgm:prSet presAssocID="{9550F5A6-F59D-4A29-8F8B-C66E5D1304D3}" presName="compNode" presStyleCnt="0"/>
      <dgm:spPr/>
    </dgm:pt>
    <dgm:pt modelId="{D44DE90D-91EF-4F88-AC0B-95A49A938705}" type="pres">
      <dgm:prSet presAssocID="{9550F5A6-F59D-4A29-8F8B-C66E5D1304D3}" presName="node" presStyleLbl="node1" presStyleIdx="1" presStyleCnt="2" custLinFactNeighborX="866" custLinFactNeighborY="-757">
        <dgm:presLayoutVars>
          <dgm:bulletEnabled val="1"/>
        </dgm:presLayoutVars>
      </dgm:prSet>
      <dgm:spPr/>
    </dgm:pt>
    <dgm:pt modelId="{64AADF10-6B56-48EA-A017-BEF94E84AB09}" type="pres">
      <dgm:prSet presAssocID="{9550F5A6-F59D-4A29-8F8B-C66E5D1304D3}" presName="invisiNode" presStyleLbl="node1" presStyleIdx="1" presStyleCnt="2"/>
      <dgm:spPr/>
    </dgm:pt>
    <dgm:pt modelId="{53AA31C6-6660-48DA-9FAD-7384346AC6D5}" type="pres">
      <dgm:prSet presAssocID="{9550F5A6-F59D-4A29-8F8B-C66E5D1304D3}" presName="imagNode" presStyleLbl="fgImgPlace1" presStyleIdx="1" presStyleCnt="2" custLinFactNeighborX="-1089" custLinFactNeighborY="489"/>
      <dgm:spPr>
        <a:xfrm>
          <a:off x="4298941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37781" t="3328" r="37781" b="3328"/>
          </a:stretch>
        </a:blipFill>
      </dgm:spPr>
    </dgm:pt>
  </dgm:ptLst>
  <dgm:cxnLst>
    <dgm:cxn modelId="{369EE500-51B1-4BA9-9203-DDBCD1DF0786}" type="presOf" srcId="{9550F5A6-F59D-4A29-8F8B-C66E5D1304D3}" destId="{D44DE90D-91EF-4F88-AC0B-95A49A938705}" srcOrd="0" destOrd="0" presId="urn:microsoft.com/office/officeart/2005/8/layout/pList2"/>
    <dgm:cxn modelId="{975E7228-7144-4527-800C-C7E974B1D8A7}" type="presOf" srcId="{F4349AA7-D22C-4504-90AC-8540D5D1E338}" destId="{D44DE90D-91EF-4F88-AC0B-95A49A938705}" srcOrd="0" destOrd="1" presId="urn:microsoft.com/office/officeart/2005/8/layout/pList2"/>
    <dgm:cxn modelId="{F63C1C33-06F5-4F79-9EA6-6CC1552BC16A}" type="presOf" srcId="{7349EE24-1674-459B-9196-883A503F0263}" destId="{B3F0B225-88BF-4329-B77F-0A8C0271F05F}" srcOrd="0" destOrd="4" presId="urn:microsoft.com/office/officeart/2005/8/layout/pList2"/>
    <dgm:cxn modelId="{E6002E3B-4821-490F-BF47-430E17CECBEA}" type="presOf" srcId="{E8F1FC5D-DAF8-4DBA-8A81-C4AE4DD67395}" destId="{B3F0B225-88BF-4329-B77F-0A8C0271F05F}" srcOrd="0" destOrd="1" presId="urn:microsoft.com/office/officeart/2005/8/layout/pList2"/>
    <dgm:cxn modelId="{79125E61-EB6A-4005-8F66-7947021C2A40}" type="presOf" srcId="{DF41A701-3E60-45DD-87C4-A41C28EEBF3C}" destId="{42FA7853-BF01-4909-AB2E-D95053B22309}" srcOrd="0" destOrd="0" presId="urn:microsoft.com/office/officeart/2005/8/layout/pList2"/>
    <dgm:cxn modelId="{88114C43-1463-4659-BFA3-6DCEFDE7A626}" type="presOf" srcId="{F7B7E77A-4622-40A3-A058-0011B777813C}" destId="{D44DE90D-91EF-4F88-AC0B-95A49A938705}" srcOrd="0" destOrd="2" presId="urn:microsoft.com/office/officeart/2005/8/layout/pList2"/>
    <dgm:cxn modelId="{0FAA1967-E01C-476A-B926-29C698E0708F}" srcId="{43471B4A-3533-4C23-AA98-AF07B4F0FD85}" destId="{7349EE24-1674-459B-9196-883A503F0263}" srcOrd="3" destOrd="0" parTransId="{B2B5DC48-2200-4C46-B6C0-992207209E81}" sibTransId="{5E12A7A4-6B77-44FE-863D-4C642CE7865D}"/>
    <dgm:cxn modelId="{4C06BD77-B0D8-4643-851E-D11605F7B36C}" srcId="{43471B4A-3533-4C23-AA98-AF07B4F0FD85}" destId="{E8F1FC5D-DAF8-4DBA-8A81-C4AE4DD67395}" srcOrd="0" destOrd="0" parTransId="{85683106-9A7D-4544-9AEA-792EAA924ADD}" sibTransId="{0F18389B-9B3C-4ECF-821F-64F71E7AA75A}"/>
    <dgm:cxn modelId="{D0D2787E-E52E-4545-AD32-D3F6017B0915}" srcId="{DF41A701-3E60-45DD-87C4-A41C28EEBF3C}" destId="{43471B4A-3533-4C23-AA98-AF07B4F0FD85}" srcOrd="0" destOrd="0" parTransId="{63C7A958-6502-49D4-8341-61DC22DCB076}" sibTransId="{A0457F3A-6337-48DF-8C8C-3093048BD5E3}"/>
    <dgm:cxn modelId="{EDA8F28A-8CBD-4D10-AE8C-14EEE2086747}" type="presOf" srcId="{43471B4A-3533-4C23-AA98-AF07B4F0FD85}" destId="{B3F0B225-88BF-4329-B77F-0A8C0271F05F}" srcOrd="0" destOrd="0" presId="urn:microsoft.com/office/officeart/2005/8/layout/pList2"/>
    <dgm:cxn modelId="{72A5A48F-B916-4198-A53E-5562D5386AC7}" type="presOf" srcId="{A0457F3A-6337-48DF-8C8C-3093048BD5E3}" destId="{6DEFEC5D-A71B-4137-9B4E-3A139708FAD3}" srcOrd="0" destOrd="0" presId="urn:microsoft.com/office/officeart/2005/8/layout/pList2"/>
    <dgm:cxn modelId="{1606A9B0-44CE-49F1-B9A5-A3A3C23C36A1}" srcId="{DF41A701-3E60-45DD-87C4-A41C28EEBF3C}" destId="{9550F5A6-F59D-4A29-8F8B-C66E5D1304D3}" srcOrd="1" destOrd="0" parTransId="{962D9DA3-9A4B-4B3D-BB1F-BB0433EA388C}" sibTransId="{33B0FC79-9C2C-4E68-B54D-72EE1DCAA233}"/>
    <dgm:cxn modelId="{C8D97EB2-CBB1-4C3E-AF89-D6B7354E1538}" srcId="{9550F5A6-F59D-4A29-8F8B-C66E5D1304D3}" destId="{F7B7E77A-4622-40A3-A058-0011B777813C}" srcOrd="1" destOrd="0" parTransId="{81B36EA7-721A-457A-89B0-69BEE09A1F74}" sibTransId="{D555B210-A026-44A1-995C-FC7D826E162A}"/>
    <dgm:cxn modelId="{4ACB91D0-C089-46C7-832F-717175EC1043}" type="presOf" srcId="{A29FCFF2-25FE-48C1-ADD1-F3A81C2C0B2B}" destId="{B3F0B225-88BF-4329-B77F-0A8C0271F05F}" srcOrd="0" destOrd="3" presId="urn:microsoft.com/office/officeart/2005/8/layout/pList2"/>
    <dgm:cxn modelId="{867D7EEA-439E-4415-B7A7-8D7054ACB3BE}" srcId="{9550F5A6-F59D-4A29-8F8B-C66E5D1304D3}" destId="{F4349AA7-D22C-4504-90AC-8540D5D1E338}" srcOrd="0" destOrd="0" parTransId="{DC6FC448-1CEF-433F-86C3-566E24C3C31A}" sibTransId="{BE2C0311-443A-49C6-8F2F-9AD943C7BE1C}"/>
    <dgm:cxn modelId="{D0B01BEC-F859-41A9-BBCF-FD9CC730E5F2}" type="presOf" srcId="{73E05470-D226-4D4D-B1F3-B0331922437D}" destId="{B3F0B225-88BF-4329-B77F-0A8C0271F05F}" srcOrd="0" destOrd="2" presId="urn:microsoft.com/office/officeart/2005/8/layout/pList2"/>
    <dgm:cxn modelId="{A3063AF2-39AF-4CA6-A4A6-2621A9A325B2}" srcId="{43471B4A-3533-4C23-AA98-AF07B4F0FD85}" destId="{A29FCFF2-25FE-48C1-ADD1-F3A81C2C0B2B}" srcOrd="2" destOrd="0" parTransId="{0EC735E4-1AE8-4396-A26B-6DF5C89E5DF1}" sibTransId="{01E1C0F9-C16E-46A9-8372-863429262394}"/>
    <dgm:cxn modelId="{8E7B00FC-3AF9-4DBA-BFC8-F7C763B5FAD4}" srcId="{43471B4A-3533-4C23-AA98-AF07B4F0FD85}" destId="{73E05470-D226-4D4D-B1F3-B0331922437D}" srcOrd="1" destOrd="0" parTransId="{BBAE433C-206C-4AF9-B401-00BD17EFEDE1}" sibTransId="{09B44C19-FE1E-4990-AA5B-28058545A0FE}"/>
    <dgm:cxn modelId="{A5BB67E3-0D68-4E18-89FD-BADFF0E9FFBC}" type="presParOf" srcId="{42FA7853-BF01-4909-AB2E-D95053B22309}" destId="{19AF4AF2-E2BA-408B-9A59-75707C48F070}" srcOrd="0" destOrd="0" presId="urn:microsoft.com/office/officeart/2005/8/layout/pList2"/>
    <dgm:cxn modelId="{5245E022-5899-4119-8E72-73801BB0BFB3}" type="presParOf" srcId="{42FA7853-BF01-4909-AB2E-D95053B22309}" destId="{393228BE-F531-4562-A9B9-8E6DCEFD65D5}" srcOrd="1" destOrd="0" presId="urn:microsoft.com/office/officeart/2005/8/layout/pList2"/>
    <dgm:cxn modelId="{3DA992CA-A80D-4E36-A4B6-8A07C0428B20}" type="presParOf" srcId="{393228BE-F531-4562-A9B9-8E6DCEFD65D5}" destId="{F179BA65-0387-4039-8C30-599595A757FA}" srcOrd="0" destOrd="0" presId="urn:microsoft.com/office/officeart/2005/8/layout/pList2"/>
    <dgm:cxn modelId="{9591E5DF-12AA-42F0-B443-489B64D7C1F3}" type="presParOf" srcId="{F179BA65-0387-4039-8C30-599595A757FA}" destId="{B3F0B225-88BF-4329-B77F-0A8C0271F05F}" srcOrd="0" destOrd="0" presId="urn:microsoft.com/office/officeart/2005/8/layout/pList2"/>
    <dgm:cxn modelId="{7C1556F8-6A14-42DA-9BE9-1DBAEDFCA491}" type="presParOf" srcId="{F179BA65-0387-4039-8C30-599595A757FA}" destId="{893732E2-7DDD-44D1-94C5-87E8562042EF}" srcOrd="1" destOrd="0" presId="urn:microsoft.com/office/officeart/2005/8/layout/pList2"/>
    <dgm:cxn modelId="{5BA148DC-2D03-4CA5-8E81-5679F81B8F10}" type="presParOf" srcId="{F179BA65-0387-4039-8C30-599595A757FA}" destId="{B5879C75-A95E-40BA-BDEE-0DDF1AF2CA98}" srcOrd="2" destOrd="0" presId="urn:microsoft.com/office/officeart/2005/8/layout/pList2"/>
    <dgm:cxn modelId="{9E542D47-785E-497F-AA9E-7569EBCB8E92}" type="presParOf" srcId="{393228BE-F531-4562-A9B9-8E6DCEFD65D5}" destId="{6DEFEC5D-A71B-4137-9B4E-3A139708FAD3}" srcOrd="1" destOrd="0" presId="urn:microsoft.com/office/officeart/2005/8/layout/pList2"/>
    <dgm:cxn modelId="{E941E780-B4D9-4BD9-8AD5-44E60E6455EA}" type="presParOf" srcId="{393228BE-F531-4562-A9B9-8E6DCEFD65D5}" destId="{B35CD36D-F4DA-46BB-AF8E-0DE523A9454C}" srcOrd="2" destOrd="0" presId="urn:microsoft.com/office/officeart/2005/8/layout/pList2"/>
    <dgm:cxn modelId="{4F8D2AFC-6F17-496C-8728-7BAE4D067D43}" type="presParOf" srcId="{B35CD36D-F4DA-46BB-AF8E-0DE523A9454C}" destId="{D44DE90D-91EF-4F88-AC0B-95A49A938705}" srcOrd="0" destOrd="0" presId="urn:microsoft.com/office/officeart/2005/8/layout/pList2"/>
    <dgm:cxn modelId="{223DD387-5659-491E-A2EB-06AD45215984}" type="presParOf" srcId="{B35CD36D-F4DA-46BB-AF8E-0DE523A9454C}" destId="{64AADF10-6B56-48EA-A017-BEF94E84AB09}" srcOrd="1" destOrd="0" presId="urn:microsoft.com/office/officeart/2005/8/layout/pList2"/>
    <dgm:cxn modelId="{AC8DEF9D-70D1-4D70-A4CA-042E1886512A}" type="presParOf" srcId="{B35CD36D-F4DA-46BB-AF8E-0DE523A9454C}" destId="{53AA31C6-6660-48DA-9FAD-7384346AC6D5}" srcOrd="2" destOrd="0" presId="urn:microsoft.com/office/officeart/2005/8/layout/pList2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DF41A701-3E60-45DD-87C4-A41C28EEBF3C}" type="doc">
      <dgm:prSet loTypeId="urn:microsoft.com/office/officeart/2005/8/layout/pList2" loCatId="picture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de-DE"/>
        </a:p>
      </dgm:t>
    </dgm:pt>
    <dgm:pt modelId="{43471B4A-3533-4C23-AA98-AF07B4F0FD8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>
              <a:latin typeface="Calibri" panose="020F0502020204030204"/>
              <a:ea typeface="+mn-ea"/>
              <a:cs typeface="+mn-cs"/>
            </a:rPr>
            <a:t>Beleuchtungsmittel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63C7A958-6502-49D4-8341-61DC22DCB076}" type="parTrans" cxnId="{D0D2787E-E52E-4545-AD32-D3F6017B0915}">
      <dgm:prSet/>
      <dgm:spPr/>
      <dgm:t>
        <a:bodyPr/>
        <a:lstStyle/>
        <a:p>
          <a:endParaRPr lang="de-DE"/>
        </a:p>
      </dgm:t>
    </dgm:pt>
    <dgm:pt modelId="{A0457F3A-6337-48DF-8C8C-3093048BD5E3}" type="sibTrans" cxnId="{D0D2787E-E52E-4545-AD32-D3F6017B0915}">
      <dgm:prSet/>
      <dgm:spPr/>
      <dgm:t>
        <a:bodyPr/>
        <a:lstStyle/>
        <a:p>
          <a:endParaRPr lang="de-DE"/>
        </a:p>
      </dgm:t>
    </dgm:pt>
    <dgm:pt modelId="{9550F5A6-F59D-4A29-8F8B-C66E5D1304D3}">
      <dgm:prSet phldrT="[Text]" cust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4353424" y="2084214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 sz="2700">
              <a:latin typeface="Calibri" panose="020F0502020204030204"/>
              <a:ea typeface="+mn-ea"/>
              <a:cs typeface="+mn-cs"/>
            </a:rPr>
            <a:t>Brechwerkzeug</a:t>
          </a:r>
          <a:endParaRPr lang="de-DE" sz="2700" dirty="0">
            <a:latin typeface="Calibri" panose="020F0502020204030204"/>
            <a:ea typeface="+mn-ea"/>
            <a:cs typeface="+mn-cs"/>
          </a:endParaRPr>
        </a:p>
      </dgm:t>
    </dgm:pt>
    <dgm:pt modelId="{962D9DA3-9A4B-4B3D-BB1F-BB0433EA388C}" type="parTrans" cxnId="{1606A9B0-44CE-49F1-B9A5-A3A3C23C36A1}">
      <dgm:prSet/>
      <dgm:spPr/>
      <dgm:t>
        <a:bodyPr/>
        <a:lstStyle/>
        <a:p>
          <a:endParaRPr lang="de-DE"/>
        </a:p>
      </dgm:t>
    </dgm:pt>
    <dgm:pt modelId="{33B0FC79-9C2C-4E68-B54D-72EE1DCAA233}" type="sibTrans" cxnId="{1606A9B0-44CE-49F1-B9A5-A3A3C23C36A1}">
      <dgm:prSet/>
      <dgm:spPr/>
      <dgm:t>
        <a:bodyPr/>
        <a:lstStyle/>
        <a:p>
          <a:endParaRPr lang="de-DE"/>
        </a:p>
      </dgm:t>
    </dgm:pt>
    <dgm:pt modelId="{E8F1FC5D-DAF8-4DBA-8A81-C4AE4DD6739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Leitungsroller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85683106-9A7D-4544-9AEA-792EAA924ADD}" type="parTrans" cxnId="{4C06BD77-B0D8-4643-851E-D11605F7B36C}">
      <dgm:prSet/>
      <dgm:spPr/>
      <dgm:t>
        <a:bodyPr/>
        <a:lstStyle/>
        <a:p>
          <a:endParaRPr lang="de-DE"/>
        </a:p>
      </dgm:t>
    </dgm:pt>
    <dgm:pt modelId="{0F18389B-9B3C-4ECF-821F-64F71E7AA75A}" type="sibTrans" cxnId="{4C06BD77-B0D8-4643-851E-D11605F7B36C}">
      <dgm:prSet/>
      <dgm:spPr/>
      <dgm:t>
        <a:bodyPr/>
        <a:lstStyle/>
        <a:p>
          <a:endParaRPr lang="de-DE"/>
        </a:p>
      </dgm:t>
    </dgm:pt>
    <dgm:pt modelId="{73E05470-D226-4D4D-B1F3-B0331922437D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Abzweigstück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BBAE433C-206C-4AF9-B401-00BD17EFEDE1}" type="parTrans" cxnId="{8E7B00FC-3AF9-4DBA-BFC8-F7C763B5FAD4}">
      <dgm:prSet/>
      <dgm:spPr/>
      <dgm:t>
        <a:bodyPr/>
        <a:lstStyle/>
        <a:p>
          <a:endParaRPr lang="de-DE"/>
        </a:p>
      </dgm:t>
    </dgm:pt>
    <dgm:pt modelId="{09B44C19-FE1E-4990-AA5B-28058545A0FE}" type="sibTrans" cxnId="{8E7B00FC-3AF9-4DBA-BFC8-F7C763B5FAD4}">
      <dgm:prSet/>
      <dgm:spPr/>
      <dgm:t>
        <a:bodyPr/>
        <a:lstStyle/>
        <a:p>
          <a:endParaRPr lang="de-DE"/>
        </a:p>
      </dgm:t>
    </dgm:pt>
    <dgm:pt modelId="{A29FCFF2-25FE-48C1-ADD1-F3A81C2C0B2B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Flutlichtstrahler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0EC735E4-1AE8-4396-A26B-6DF5C89E5DF1}" type="parTrans" cxnId="{A3063AF2-39AF-4CA6-A4A6-2621A9A325B2}">
      <dgm:prSet/>
      <dgm:spPr/>
      <dgm:t>
        <a:bodyPr/>
        <a:lstStyle/>
        <a:p>
          <a:endParaRPr lang="de-DE"/>
        </a:p>
      </dgm:t>
    </dgm:pt>
    <dgm:pt modelId="{01E1C0F9-C16E-46A9-8372-863429262394}" type="sibTrans" cxnId="{A3063AF2-39AF-4CA6-A4A6-2621A9A325B2}">
      <dgm:prSet/>
      <dgm:spPr/>
      <dgm:t>
        <a:bodyPr/>
        <a:lstStyle/>
        <a:p>
          <a:endParaRPr lang="de-DE"/>
        </a:p>
      </dgm:t>
    </dgm:pt>
    <dgm:pt modelId="{7349EE24-1674-459B-9196-883A503F0263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Stativ mit Sturmverspannung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B2B5DC48-2200-4C46-B6C0-992207209E81}" type="parTrans" cxnId="{0FAA1967-E01C-476A-B926-29C698E0708F}">
      <dgm:prSet/>
      <dgm:spPr/>
      <dgm:t>
        <a:bodyPr/>
        <a:lstStyle/>
        <a:p>
          <a:endParaRPr lang="de-DE"/>
        </a:p>
      </dgm:t>
    </dgm:pt>
    <dgm:pt modelId="{5E12A7A4-6B77-44FE-863D-4C642CE7865D}" type="sibTrans" cxnId="{0FAA1967-E01C-476A-B926-29C698E0708F}">
      <dgm:prSet/>
      <dgm:spPr/>
      <dgm:t>
        <a:bodyPr/>
        <a:lstStyle/>
        <a:p>
          <a:endParaRPr lang="de-DE"/>
        </a:p>
      </dgm:t>
    </dgm:pt>
    <dgm:pt modelId="{F7B7E77A-4622-40A3-A058-0011B777813C}">
      <dgm:prSet custT="1"/>
      <dgm:spPr>
        <a:xfrm rot="10800000">
          <a:off x="4353424" y="2084214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>
            <a:buChar char="•"/>
          </a:pPr>
          <a:r>
            <a:rPr lang="de-DE" sz="1800">
              <a:latin typeface="Calibri" panose="020F0502020204030204"/>
              <a:ea typeface="+mn-ea"/>
              <a:cs typeface="+mn-cs"/>
            </a:rPr>
            <a:t>Halligan-Tool</a:t>
          </a:r>
          <a:endParaRPr lang="de-DE" sz="1800" dirty="0">
            <a:latin typeface="Calibri" panose="020F0502020204030204"/>
            <a:ea typeface="+mn-ea"/>
            <a:cs typeface="+mn-cs"/>
          </a:endParaRPr>
        </a:p>
      </dgm:t>
    </dgm:pt>
    <dgm:pt modelId="{81B36EA7-721A-457A-89B0-69BEE09A1F74}" type="parTrans" cxnId="{C8D97EB2-CBB1-4C3E-AF89-D6B7354E1538}">
      <dgm:prSet/>
      <dgm:spPr/>
      <dgm:t>
        <a:bodyPr/>
        <a:lstStyle/>
        <a:p>
          <a:endParaRPr lang="de-DE"/>
        </a:p>
      </dgm:t>
    </dgm:pt>
    <dgm:pt modelId="{D555B210-A026-44A1-995C-FC7D826E162A}" type="sibTrans" cxnId="{C8D97EB2-CBB1-4C3E-AF89-D6B7354E1538}">
      <dgm:prSet/>
      <dgm:spPr/>
      <dgm:t>
        <a:bodyPr/>
        <a:lstStyle/>
        <a:p>
          <a:endParaRPr lang="de-DE"/>
        </a:p>
      </dgm:t>
    </dgm:pt>
    <dgm:pt modelId="{9C279A55-7476-4D57-8E15-B61027FDB1A9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Aufnahmebrücke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32071B0F-DC6B-41A3-B57F-10C072A22A35}" type="parTrans" cxnId="{51735912-519D-4B6E-91CF-2C463EA32F71}">
      <dgm:prSet/>
      <dgm:spPr/>
      <dgm:t>
        <a:bodyPr/>
        <a:lstStyle/>
        <a:p>
          <a:endParaRPr lang="de-DE"/>
        </a:p>
      </dgm:t>
    </dgm:pt>
    <dgm:pt modelId="{68EDCF6B-93EC-477C-B3D6-61EF65B0C8FE}" type="sibTrans" cxnId="{51735912-519D-4B6E-91CF-2C463EA32F71}">
      <dgm:prSet/>
      <dgm:spPr/>
      <dgm:t>
        <a:bodyPr/>
        <a:lstStyle/>
        <a:p>
          <a:endParaRPr lang="de-DE"/>
        </a:p>
      </dgm:t>
    </dgm:pt>
    <dgm:pt modelId="{2010BE04-70B9-4020-8A1C-2B37A8F4E377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Zum Ausleuchten der Einsatzstelle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07ACC23B-F9DD-45D1-8F84-E2BB9962017B}" type="parTrans" cxnId="{8A891360-A1BA-4E82-A300-ABF76F9A1CBD}">
      <dgm:prSet/>
      <dgm:spPr/>
      <dgm:t>
        <a:bodyPr/>
        <a:lstStyle/>
        <a:p>
          <a:endParaRPr lang="de-DE"/>
        </a:p>
      </dgm:t>
    </dgm:pt>
    <dgm:pt modelId="{0DBD53B7-0AF3-41AF-80CB-B62A4AC18E97}" type="sibTrans" cxnId="{8A891360-A1BA-4E82-A300-ABF76F9A1CBD}">
      <dgm:prSet/>
      <dgm:spPr/>
      <dgm:t>
        <a:bodyPr/>
        <a:lstStyle/>
        <a:p>
          <a:endParaRPr lang="de-DE"/>
        </a:p>
      </dgm:t>
    </dgm:pt>
    <dgm:pt modelId="{1707CFEC-E752-4827-B4A2-B634E39CA9AF}">
      <dgm:prSet custT="1"/>
      <dgm:spPr>
        <a:xfrm rot="10800000">
          <a:off x="4353424" y="2084214"/>
          <a:ext cx="3660162" cy="2571162"/>
        </a:xfrm>
      </dgm:spPr>
      <dgm:t>
        <a:bodyPr/>
        <a:lstStyle/>
        <a:p>
          <a:pPr>
            <a:buChar char="•"/>
          </a:pPr>
          <a:r>
            <a:rPr lang="de-DE" sz="1800">
              <a:latin typeface="Calibri" panose="020F0502020204030204"/>
              <a:ea typeface="+mn-ea"/>
              <a:cs typeface="+mn-cs"/>
            </a:rPr>
            <a:t>Brechstange</a:t>
          </a:r>
          <a:endParaRPr lang="de-DE" sz="1800" dirty="0">
            <a:latin typeface="Calibri" panose="020F0502020204030204"/>
            <a:ea typeface="+mn-ea"/>
            <a:cs typeface="+mn-cs"/>
          </a:endParaRPr>
        </a:p>
      </dgm:t>
    </dgm:pt>
    <dgm:pt modelId="{D449B950-A699-4ED7-A376-489F5D58ED88}" type="parTrans" cxnId="{893A2CB0-B004-4D9A-A3DB-03711547F14A}">
      <dgm:prSet/>
      <dgm:spPr/>
    </dgm:pt>
    <dgm:pt modelId="{47645FD6-D9CA-4B04-9841-0493A5B5DD0C}" type="sibTrans" cxnId="{893A2CB0-B004-4D9A-A3DB-03711547F14A}">
      <dgm:prSet/>
      <dgm:spPr/>
    </dgm:pt>
    <dgm:pt modelId="{E304692B-06F9-42BC-8E1E-A74C7C8F92B9}">
      <dgm:prSet custT="1"/>
      <dgm:spPr>
        <a:xfrm rot="10800000">
          <a:off x="4353424" y="2084214"/>
          <a:ext cx="3660162" cy="2571162"/>
        </a:xfrm>
      </dgm:spPr>
      <dgm:t>
        <a:bodyPr/>
        <a:lstStyle/>
        <a:p>
          <a:pPr>
            <a:buChar char="•"/>
          </a:pPr>
          <a:r>
            <a:rPr lang="de-DE" sz="1800">
              <a:latin typeface="Calibri" panose="020F0502020204030204"/>
              <a:ea typeface="+mn-ea"/>
              <a:cs typeface="+mn-cs"/>
            </a:rPr>
            <a:t>Feuerwehraxt</a:t>
          </a:r>
          <a:endParaRPr lang="de-DE" sz="1800" dirty="0">
            <a:latin typeface="Calibri" panose="020F0502020204030204"/>
            <a:ea typeface="+mn-ea"/>
            <a:cs typeface="+mn-cs"/>
          </a:endParaRPr>
        </a:p>
      </dgm:t>
    </dgm:pt>
    <dgm:pt modelId="{617AA53D-7862-487B-B765-C8EE535BB13B}" type="parTrans" cxnId="{9EA7152C-B53C-4C5C-8C6F-2BC7258FC0D3}">
      <dgm:prSet/>
      <dgm:spPr/>
    </dgm:pt>
    <dgm:pt modelId="{FCD419B8-04C7-4E03-9875-9A0CF741AF86}" type="sibTrans" cxnId="{9EA7152C-B53C-4C5C-8C6F-2BC7258FC0D3}">
      <dgm:prSet/>
      <dgm:spPr/>
    </dgm:pt>
    <dgm:pt modelId="{90A72E0F-7C44-4EE5-9585-F4C7235FC44A}">
      <dgm:prSet custT="1"/>
      <dgm:spPr>
        <a:xfrm rot="10800000">
          <a:off x="4353424" y="2084214"/>
          <a:ext cx="3660162" cy="2571162"/>
        </a:xfrm>
      </dgm:spPr>
      <dgm:t>
        <a:bodyPr/>
        <a:lstStyle/>
        <a:p>
          <a:pPr>
            <a:buChar char="•"/>
          </a:pPr>
          <a:r>
            <a:rPr lang="de-DE" sz="1800">
              <a:latin typeface="Calibri" panose="020F0502020204030204"/>
              <a:ea typeface="+mn-ea"/>
              <a:cs typeface="+mn-cs"/>
            </a:rPr>
            <a:t>Schaffen von Zugängen, Sichern gegen Wegrollen etc. </a:t>
          </a:r>
          <a:endParaRPr lang="de-DE" sz="1800" dirty="0">
            <a:latin typeface="Calibri" panose="020F0502020204030204"/>
            <a:ea typeface="+mn-ea"/>
            <a:cs typeface="+mn-cs"/>
          </a:endParaRPr>
        </a:p>
      </dgm:t>
    </dgm:pt>
    <dgm:pt modelId="{15545940-BA05-4539-A6D1-377066A514A7}" type="parTrans" cxnId="{88E1C8BD-F901-45E3-B4AB-A10805217569}">
      <dgm:prSet/>
      <dgm:spPr/>
    </dgm:pt>
    <dgm:pt modelId="{82D2C195-65F1-428F-AA74-50148E0A40D0}" type="sibTrans" cxnId="{88E1C8BD-F901-45E3-B4AB-A10805217569}">
      <dgm:prSet/>
      <dgm:spPr/>
    </dgm:pt>
    <dgm:pt modelId="{42FA7853-BF01-4909-AB2E-D95053B22309}" type="pres">
      <dgm:prSet presAssocID="{DF41A701-3E60-45DD-87C4-A41C28EEBF3C}" presName="Name0" presStyleCnt="0">
        <dgm:presLayoutVars>
          <dgm:dir/>
          <dgm:resizeHandles val="exact"/>
        </dgm:presLayoutVars>
      </dgm:prSet>
      <dgm:spPr/>
    </dgm:pt>
    <dgm:pt modelId="{19AF4AF2-E2BA-408B-9A59-75707C48F070}" type="pres">
      <dgm:prSet presAssocID="{DF41A701-3E60-45DD-87C4-A41C28EEBF3C}" presName="bkgdShp" presStyleLbl="alignAccFollowNode1" presStyleIdx="0" presStyleCn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</a:gradFill>
      </dgm:spPr>
    </dgm:pt>
    <dgm:pt modelId="{393228BE-F531-4562-A9B9-8E6DCEFD65D5}" type="pres">
      <dgm:prSet presAssocID="{DF41A701-3E60-45DD-87C4-A41C28EEBF3C}" presName="linComp" presStyleCnt="0"/>
      <dgm:spPr/>
    </dgm:pt>
    <dgm:pt modelId="{F179BA65-0387-4039-8C30-599595A757FA}" type="pres">
      <dgm:prSet presAssocID="{43471B4A-3533-4C23-AA98-AF07B4F0FD85}" presName="compNode" presStyleCnt="0"/>
      <dgm:spPr/>
    </dgm:pt>
    <dgm:pt modelId="{B3F0B225-88BF-4329-B77F-0A8C0271F05F}" type="pres">
      <dgm:prSet presAssocID="{43471B4A-3533-4C23-AA98-AF07B4F0FD85}" presName="node" presStyleLbl="node1" presStyleIdx="0" presStyleCnt="2" custLinFactNeighborX="731" custLinFactNeighborY="0">
        <dgm:presLayoutVars>
          <dgm:bulletEnabled val="1"/>
        </dgm:presLayoutVars>
      </dgm:prSet>
      <dgm:spPr>
        <a:prstGeom prst="round2SameRect">
          <a:avLst>
            <a:gd name="adj1" fmla="val 10500"/>
            <a:gd name="adj2" fmla="val 0"/>
          </a:avLst>
        </a:prstGeom>
      </dgm:spPr>
    </dgm:pt>
    <dgm:pt modelId="{893732E2-7DDD-44D1-94C5-87E8562042EF}" type="pres">
      <dgm:prSet presAssocID="{43471B4A-3533-4C23-AA98-AF07B4F0FD85}" presName="invisiNode" presStyleLbl="node1" presStyleIdx="0" presStyleCnt="2"/>
      <dgm:spPr/>
    </dgm:pt>
    <dgm:pt modelId="{B5879C75-A95E-40BA-BDEE-0DDF1AF2CA98}" type="pres">
      <dgm:prSet presAssocID="{43471B4A-3533-4C23-AA98-AF07B4F0FD85}" presName="imagNode" presStyleLbl="fgImgPlace1" presStyleIdx="0" presStyleCnt="2" custScaleX="101307"/>
      <dgm:spPr>
        <a:xfrm>
          <a:off x="247709" y="280490"/>
          <a:ext cx="3708001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/>
          <a:srcRect/>
          <a:stretch>
            <a:fillRect l="37864" t="20831" r="37864" b="20831"/>
          </a:stretch>
        </a:blipFill>
      </dgm:spPr>
    </dgm:pt>
    <dgm:pt modelId="{6DEFEC5D-A71B-4137-9B4E-3A139708FAD3}" type="pres">
      <dgm:prSet presAssocID="{A0457F3A-6337-48DF-8C8C-3093048BD5E3}" presName="sibTrans" presStyleLbl="sibTrans2D1" presStyleIdx="0" presStyleCnt="0"/>
      <dgm:spPr/>
    </dgm:pt>
    <dgm:pt modelId="{B35CD36D-F4DA-46BB-AF8E-0DE523A9454C}" type="pres">
      <dgm:prSet presAssocID="{9550F5A6-F59D-4A29-8F8B-C66E5D1304D3}" presName="compNode" presStyleCnt="0"/>
      <dgm:spPr/>
    </dgm:pt>
    <dgm:pt modelId="{D44DE90D-91EF-4F88-AC0B-95A49A938705}" type="pres">
      <dgm:prSet presAssocID="{9550F5A6-F59D-4A29-8F8B-C66E5D1304D3}" presName="node" presStyleLbl="node1" presStyleIdx="1" presStyleCnt="2" custLinFactNeighborX="2216" custLinFactNeighborY="-604">
        <dgm:presLayoutVars>
          <dgm:bulletEnabled val="1"/>
        </dgm:presLayoutVars>
      </dgm:prSet>
      <dgm:spPr>
        <a:prstGeom prst="round2SameRect">
          <a:avLst>
            <a:gd name="adj1" fmla="val 10500"/>
            <a:gd name="adj2" fmla="val 0"/>
          </a:avLst>
        </a:prstGeom>
      </dgm:spPr>
    </dgm:pt>
    <dgm:pt modelId="{64AADF10-6B56-48EA-A017-BEF94E84AB09}" type="pres">
      <dgm:prSet presAssocID="{9550F5A6-F59D-4A29-8F8B-C66E5D1304D3}" presName="invisiNode" presStyleLbl="node1" presStyleIdx="1" presStyleCnt="2"/>
      <dgm:spPr/>
    </dgm:pt>
    <dgm:pt modelId="{53AA31C6-6660-48DA-9FAD-7384346AC6D5}" type="pres">
      <dgm:prSet presAssocID="{9550F5A6-F59D-4A29-8F8B-C66E5D1304D3}" presName="imagNode" presStyleLbl="fgImgPlace1" presStyleIdx="1" presStyleCnt="2" custLinFactNeighborX="-1089" custLinFactNeighborY="489"/>
      <dgm:spPr>
        <a:xfrm>
          <a:off x="4281868" y="288034"/>
          <a:ext cx="3660162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4264" t="-20007" r="4264" b="-20007"/>
          </a:stretch>
        </a:blipFill>
      </dgm:spPr>
    </dgm:pt>
  </dgm:ptLst>
  <dgm:cxnLst>
    <dgm:cxn modelId="{369EE500-51B1-4BA9-9203-DDBCD1DF0786}" type="presOf" srcId="{9550F5A6-F59D-4A29-8F8B-C66E5D1304D3}" destId="{D44DE90D-91EF-4F88-AC0B-95A49A938705}" srcOrd="0" destOrd="0" presId="urn:microsoft.com/office/officeart/2005/8/layout/pList2"/>
    <dgm:cxn modelId="{51735912-519D-4B6E-91CF-2C463EA32F71}" srcId="{43471B4A-3533-4C23-AA98-AF07B4F0FD85}" destId="{9C279A55-7476-4D57-8E15-B61027FDB1A9}" srcOrd="4" destOrd="0" parTransId="{32071B0F-DC6B-41A3-B57F-10C072A22A35}" sibTransId="{68EDCF6B-93EC-477C-B3D6-61EF65B0C8FE}"/>
    <dgm:cxn modelId="{9EA7152C-B53C-4C5C-8C6F-2BC7258FC0D3}" srcId="{9550F5A6-F59D-4A29-8F8B-C66E5D1304D3}" destId="{E304692B-06F9-42BC-8E1E-A74C7C8F92B9}" srcOrd="2" destOrd="0" parTransId="{617AA53D-7862-487B-B765-C8EE535BB13B}" sibTransId="{FCD419B8-04C7-4E03-9875-9A0CF741AF86}"/>
    <dgm:cxn modelId="{F63C1C33-06F5-4F79-9EA6-6CC1552BC16A}" type="presOf" srcId="{7349EE24-1674-459B-9196-883A503F0263}" destId="{B3F0B225-88BF-4329-B77F-0A8C0271F05F}" srcOrd="0" destOrd="4" presId="urn:microsoft.com/office/officeart/2005/8/layout/pList2"/>
    <dgm:cxn modelId="{E6002E3B-4821-490F-BF47-430E17CECBEA}" type="presOf" srcId="{E8F1FC5D-DAF8-4DBA-8A81-C4AE4DD67395}" destId="{B3F0B225-88BF-4329-B77F-0A8C0271F05F}" srcOrd="0" destOrd="1" presId="urn:microsoft.com/office/officeart/2005/8/layout/pList2"/>
    <dgm:cxn modelId="{8A891360-A1BA-4E82-A300-ABF76F9A1CBD}" srcId="{43471B4A-3533-4C23-AA98-AF07B4F0FD85}" destId="{2010BE04-70B9-4020-8A1C-2B37A8F4E377}" srcOrd="5" destOrd="0" parTransId="{07ACC23B-F9DD-45D1-8F84-E2BB9962017B}" sibTransId="{0DBD53B7-0AF3-41AF-80CB-B62A4AC18E97}"/>
    <dgm:cxn modelId="{79125E61-EB6A-4005-8F66-7947021C2A40}" type="presOf" srcId="{DF41A701-3E60-45DD-87C4-A41C28EEBF3C}" destId="{42FA7853-BF01-4909-AB2E-D95053B22309}" srcOrd="0" destOrd="0" presId="urn:microsoft.com/office/officeart/2005/8/layout/pList2"/>
    <dgm:cxn modelId="{88114C43-1463-4659-BFA3-6DCEFDE7A626}" type="presOf" srcId="{F7B7E77A-4622-40A3-A058-0011B777813C}" destId="{D44DE90D-91EF-4F88-AC0B-95A49A938705}" srcOrd="0" destOrd="1" presId="urn:microsoft.com/office/officeart/2005/8/layout/pList2"/>
    <dgm:cxn modelId="{0FAA1967-E01C-476A-B926-29C698E0708F}" srcId="{43471B4A-3533-4C23-AA98-AF07B4F0FD85}" destId="{7349EE24-1674-459B-9196-883A503F0263}" srcOrd="3" destOrd="0" parTransId="{B2B5DC48-2200-4C46-B6C0-992207209E81}" sibTransId="{5E12A7A4-6B77-44FE-863D-4C642CE7865D}"/>
    <dgm:cxn modelId="{1B7C3E4C-F7B4-4648-AF51-74D311C0AE47}" type="presOf" srcId="{90A72E0F-7C44-4EE5-9585-F4C7235FC44A}" destId="{D44DE90D-91EF-4F88-AC0B-95A49A938705}" srcOrd="0" destOrd="4" presId="urn:microsoft.com/office/officeart/2005/8/layout/pList2"/>
    <dgm:cxn modelId="{EF3DE275-1952-4A25-8BCC-193AEC2DD563}" type="presOf" srcId="{2010BE04-70B9-4020-8A1C-2B37A8F4E377}" destId="{B3F0B225-88BF-4329-B77F-0A8C0271F05F}" srcOrd="0" destOrd="6" presId="urn:microsoft.com/office/officeart/2005/8/layout/pList2"/>
    <dgm:cxn modelId="{4C06BD77-B0D8-4643-851E-D11605F7B36C}" srcId="{43471B4A-3533-4C23-AA98-AF07B4F0FD85}" destId="{E8F1FC5D-DAF8-4DBA-8A81-C4AE4DD67395}" srcOrd="0" destOrd="0" parTransId="{85683106-9A7D-4544-9AEA-792EAA924ADD}" sibTransId="{0F18389B-9B3C-4ECF-821F-64F71E7AA75A}"/>
    <dgm:cxn modelId="{D0D2787E-E52E-4545-AD32-D3F6017B0915}" srcId="{DF41A701-3E60-45DD-87C4-A41C28EEBF3C}" destId="{43471B4A-3533-4C23-AA98-AF07B4F0FD85}" srcOrd="0" destOrd="0" parTransId="{63C7A958-6502-49D4-8341-61DC22DCB076}" sibTransId="{A0457F3A-6337-48DF-8C8C-3093048BD5E3}"/>
    <dgm:cxn modelId="{EDA8F28A-8CBD-4D10-AE8C-14EEE2086747}" type="presOf" srcId="{43471B4A-3533-4C23-AA98-AF07B4F0FD85}" destId="{B3F0B225-88BF-4329-B77F-0A8C0271F05F}" srcOrd="0" destOrd="0" presId="urn:microsoft.com/office/officeart/2005/8/layout/pList2"/>
    <dgm:cxn modelId="{72A5A48F-B916-4198-A53E-5562D5386AC7}" type="presOf" srcId="{A0457F3A-6337-48DF-8C8C-3093048BD5E3}" destId="{6DEFEC5D-A71B-4137-9B4E-3A139708FAD3}" srcOrd="0" destOrd="0" presId="urn:microsoft.com/office/officeart/2005/8/layout/pList2"/>
    <dgm:cxn modelId="{86035CA8-7B31-495C-910E-C0520D285AA8}" type="presOf" srcId="{9C279A55-7476-4D57-8E15-B61027FDB1A9}" destId="{B3F0B225-88BF-4329-B77F-0A8C0271F05F}" srcOrd="0" destOrd="5" presId="urn:microsoft.com/office/officeart/2005/8/layout/pList2"/>
    <dgm:cxn modelId="{893A2CB0-B004-4D9A-A3DB-03711547F14A}" srcId="{9550F5A6-F59D-4A29-8F8B-C66E5D1304D3}" destId="{1707CFEC-E752-4827-B4A2-B634E39CA9AF}" srcOrd="1" destOrd="0" parTransId="{D449B950-A699-4ED7-A376-489F5D58ED88}" sibTransId="{47645FD6-D9CA-4B04-9841-0493A5B5DD0C}"/>
    <dgm:cxn modelId="{1606A9B0-44CE-49F1-B9A5-A3A3C23C36A1}" srcId="{DF41A701-3E60-45DD-87C4-A41C28EEBF3C}" destId="{9550F5A6-F59D-4A29-8F8B-C66E5D1304D3}" srcOrd="1" destOrd="0" parTransId="{962D9DA3-9A4B-4B3D-BB1F-BB0433EA388C}" sibTransId="{33B0FC79-9C2C-4E68-B54D-72EE1DCAA233}"/>
    <dgm:cxn modelId="{C8D97EB2-CBB1-4C3E-AF89-D6B7354E1538}" srcId="{9550F5A6-F59D-4A29-8F8B-C66E5D1304D3}" destId="{F7B7E77A-4622-40A3-A058-0011B777813C}" srcOrd="0" destOrd="0" parTransId="{81B36EA7-721A-457A-89B0-69BEE09A1F74}" sibTransId="{D555B210-A026-44A1-995C-FC7D826E162A}"/>
    <dgm:cxn modelId="{88E1C8BD-F901-45E3-B4AB-A10805217569}" srcId="{9550F5A6-F59D-4A29-8F8B-C66E5D1304D3}" destId="{90A72E0F-7C44-4EE5-9585-F4C7235FC44A}" srcOrd="3" destOrd="0" parTransId="{15545940-BA05-4539-A6D1-377066A514A7}" sibTransId="{82D2C195-65F1-428F-AA74-50148E0A40D0}"/>
    <dgm:cxn modelId="{6A00C6C8-CC6E-4A8C-AE4D-E1BD7B956146}" type="presOf" srcId="{1707CFEC-E752-4827-B4A2-B634E39CA9AF}" destId="{D44DE90D-91EF-4F88-AC0B-95A49A938705}" srcOrd="0" destOrd="2" presId="urn:microsoft.com/office/officeart/2005/8/layout/pList2"/>
    <dgm:cxn modelId="{4ACB91D0-C089-46C7-832F-717175EC1043}" type="presOf" srcId="{A29FCFF2-25FE-48C1-ADD1-F3A81C2C0B2B}" destId="{B3F0B225-88BF-4329-B77F-0A8C0271F05F}" srcOrd="0" destOrd="3" presId="urn:microsoft.com/office/officeart/2005/8/layout/pList2"/>
    <dgm:cxn modelId="{D0B01BEC-F859-41A9-BBCF-FD9CC730E5F2}" type="presOf" srcId="{73E05470-D226-4D4D-B1F3-B0331922437D}" destId="{B3F0B225-88BF-4329-B77F-0A8C0271F05F}" srcOrd="0" destOrd="2" presId="urn:microsoft.com/office/officeart/2005/8/layout/pList2"/>
    <dgm:cxn modelId="{A3063AF2-39AF-4CA6-A4A6-2621A9A325B2}" srcId="{43471B4A-3533-4C23-AA98-AF07B4F0FD85}" destId="{A29FCFF2-25FE-48C1-ADD1-F3A81C2C0B2B}" srcOrd="2" destOrd="0" parTransId="{0EC735E4-1AE8-4396-A26B-6DF5C89E5DF1}" sibTransId="{01E1C0F9-C16E-46A9-8372-863429262394}"/>
    <dgm:cxn modelId="{1176BAF8-A3B9-4D21-9081-6F565B69E599}" type="presOf" srcId="{E304692B-06F9-42BC-8E1E-A74C7C8F92B9}" destId="{D44DE90D-91EF-4F88-AC0B-95A49A938705}" srcOrd="0" destOrd="3" presId="urn:microsoft.com/office/officeart/2005/8/layout/pList2"/>
    <dgm:cxn modelId="{8E7B00FC-3AF9-4DBA-BFC8-F7C763B5FAD4}" srcId="{43471B4A-3533-4C23-AA98-AF07B4F0FD85}" destId="{73E05470-D226-4D4D-B1F3-B0331922437D}" srcOrd="1" destOrd="0" parTransId="{BBAE433C-206C-4AF9-B401-00BD17EFEDE1}" sibTransId="{09B44C19-FE1E-4990-AA5B-28058545A0FE}"/>
    <dgm:cxn modelId="{A5BB67E3-0D68-4E18-89FD-BADFF0E9FFBC}" type="presParOf" srcId="{42FA7853-BF01-4909-AB2E-D95053B22309}" destId="{19AF4AF2-E2BA-408B-9A59-75707C48F070}" srcOrd="0" destOrd="0" presId="urn:microsoft.com/office/officeart/2005/8/layout/pList2"/>
    <dgm:cxn modelId="{5245E022-5899-4119-8E72-73801BB0BFB3}" type="presParOf" srcId="{42FA7853-BF01-4909-AB2E-D95053B22309}" destId="{393228BE-F531-4562-A9B9-8E6DCEFD65D5}" srcOrd="1" destOrd="0" presId="urn:microsoft.com/office/officeart/2005/8/layout/pList2"/>
    <dgm:cxn modelId="{3DA992CA-A80D-4E36-A4B6-8A07C0428B20}" type="presParOf" srcId="{393228BE-F531-4562-A9B9-8E6DCEFD65D5}" destId="{F179BA65-0387-4039-8C30-599595A757FA}" srcOrd="0" destOrd="0" presId="urn:microsoft.com/office/officeart/2005/8/layout/pList2"/>
    <dgm:cxn modelId="{9591E5DF-12AA-42F0-B443-489B64D7C1F3}" type="presParOf" srcId="{F179BA65-0387-4039-8C30-599595A757FA}" destId="{B3F0B225-88BF-4329-B77F-0A8C0271F05F}" srcOrd="0" destOrd="0" presId="urn:microsoft.com/office/officeart/2005/8/layout/pList2"/>
    <dgm:cxn modelId="{7C1556F8-6A14-42DA-9BE9-1DBAEDFCA491}" type="presParOf" srcId="{F179BA65-0387-4039-8C30-599595A757FA}" destId="{893732E2-7DDD-44D1-94C5-87E8562042EF}" srcOrd="1" destOrd="0" presId="urn:microsoft.com/office/officeart/2005/8/layout/pList2"/>
    <dgm:cxn modelId="{5BA148DC-2D03-4CA5-8E81-5679F81B8F10}" type="presParOf" srcId="{F179BA65-0387-4039-8C30-599595A757FA}" destId="{B5879C75-A95E-40BA-BDEE-0DDF1AF2CA98}" srcOrd="2" destOrd="0" presId="urn:microsoft.com/office/officeart/2005/8/layout/pList2"/>
    <dgm:cxn modelId="{9E542D47-785E-497F-AA9E-7569EBCB8E92}" type="presParOf" srcId="{393228BE-F531-4562-A9B9-8E6DCEFD65D5}" destId="{6DEFEC5D-A71B-4137-9B4E-3A139708FAD3}" srcOrd="1" destOrd="0" presId="urn:microsoft.com/office/officeart/2005/8/layout/pList2"/>
    <dgm:cxn modelId="{E941E780-B4D9-4BD9-8AD5-44E60E6455EA}" type="presParOf" srcId="{393228BE-F531-4562-A9B9-8E6DCEFD65D5}" destId="{B35CD36D-F4DA-46BB-AF8E-0DE523A9454C}" srcOrd="2" destOrd="0" presId="urn:microsoft.com/office/officeart/2005/8/layout/pList2"/>
    <dgm:cxn modelId="{4F8D2AFC-6F17-496C-8728-7BAE4D067D43}" type="presParOf" srcId="{B35CD36D-F4DA-46BB-AF8E-0DE523A9454C}" destId="{D44DE90D-91EF-4F88-AC0B-95A49A938705}" srcOrd="0" destOrd="0" presId="urn:microsoft.com/office/officeart/2005/8/layout/pList2"/>
    <dgm:cxn modelId="{223DD387-5659-491E-A2EB-06AD45215984}" type="presParOf" srcId="{B35CD36D-F4DA-46BB-AF8E-0DE523A9454C}" destId="{64AADF10-6B56-48EA-A017-BEF94E84AB09}" srcOrd="1" destOrd="0" presId="urn:microsoft.com/office/officeart/2005/8/layout/pList2"/>
    <dgm:cxn modelId="{AC8DEF9D-70D1-4D70-A4CA-042E1886512A}" type="presParOf" srcId="{B35CD36D-F4DA-46BB-AF8E-0DE523A9454C}" destId="{53AA31C6-6660-48DA-9FAD-7384346AC6D5}" srcOrd="2" destOrd="0" presId="urn:microsoft.com/office/officeart/2005/8/layout/pList2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DF41A701-3E60-45DD-87C4-A41C28EEBF3C}" type="doc">
      <dgm:prSet loTypeId="urn:microsoft.com/office/officeart/2005/8/layout/pList2" loCatId="picture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de-DE"/>
        </a:p>
      </dgm:t>
    </dgm:pt>
    <dgm:pt modelId="{43471B4A-3533-4C23-AA98-AF07B4F0FD8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 dirty="0">
              <a:latin typeface="Calibri" panose="020F0502020204030204"/>
              <a:ea typeface="+mn-ea"/>
              <a:cs typeface="+mn-cs"/>
            </a:rPr>
            <a:t>Brandschutz</a:t>
          </a:r>
        </a:p>
      </dgm:t>
    </dgm:pt>
    <dgm:pt modelId="{63C7A958-6502-49D4-8341-61DC22DCB076}" type="parTrans" cxnId="{D0D2787E-E52E-4545-AD32-D3F6017B0915}">
      <dgm:prSet/>
      <dgm:spPr/>
      <dgm:t>
        <a:bodyPr/>
        <a:lstStyle/>
        <a:p>
          <a:endParaRPr lang="de-DE"/>
        </a:p>
      </dgm:t>
    </dgm:pt>
    <dgm:pt modelId="{A0457F3A-6337-48DF-8C8C-3093048BD5E3}" type="sibTrans" cxnId="{D0D2787E-E52E-4545-AD32-D3F6017B0915}">
      <dgm:prSet/>
      <dgm:spPr/>
      <dgm:t>
        <a:bodyPr/>
        <a:lstStyle/>
        <a:p>
          <a:endParaRPr lang="de-DE"/>
        </a:p>
      </dgm:t>
    </dgm:pt>
    <dgm:pt modelId="{9550F5A6-F59D-4A29-8F8B-C66E5D1304D3}">
      <dgm:prSet phldrT="[Text]" cust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4402836" y="2088148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ctr">
            <a:buNone/>
          </a:pPr>
          <a:r>
            <a:rPr lang="de-DE" sz="2700" dirty="0">
              <a:latin typeface="+mn-lt"/>
              <a:ea typeface="+mn-ea"/>
              <a:cs typeface="+mn-cs"/>
            </a:rPr>
            <a:t>Brandschutz</a:t>
          </a:r>
          <a:endParaRPr lang="de-DE" sz="2700" dirty="0">
            <a:latin typeface="Calibri" panose="020F0502020204030204"/>
            <a:ea typeface="+mn-ea"/>
            <a:cs typeface="+mn-cs"/>
          </a:endParaRPr>
        </a:p>
      </dgm:t>
    </dgm:pt>
    <dgm:pt modelId="{962D9DA3-9A4B-4B3D-BB1F-BB0433EA388C}" type="parTrans" cxnId="{1606A9B0-44CE-49F1-B9A5-A3A3C23C36A1}">
      <dgm:prSet/>
      <dgm:spPr/>
      <dgm:t>
        <a:bodyPr/>
        <a:lstStyle/>
        <a:p>
          <a:endParaRPr lang="de-DE"/>
        </a:p>
      </dgm:t>
    </dgm:pt>
    <dgm:pt modelId="{33B0FC79-9C2C-4E68-B54D-72EE1DCAA233}" type="sibTrans" cxnId="{1606A9B0-44CE-49F1-B9A5-A3A3C23C36A1}">
      <dgm:prSet/>
      <dgm:spPr/>
      <dgm:t>
        <a:bodyPr/>
        <a:lstStyle/>
        <a:p>
          <a:endParaRPr lang="de-DE"/>
        </a:p>
      </dgm:t>
    </dgm:pt>
    <dgm:pt modelId="{E8F1FC5D-DAF8-4DBA-8A81-C4AE4DD67395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</dgm:spPr>
      <dgm:t>
        <a:bodyPr/>
        <a:lstStyle/>
        <a:p>
          <a:pPr algn="l">
            <a:buChar char="•"/>
          </a:pPr>
          <a:r>
            <a:rPr lang="de-DE" dirty="0">
              <a:latin typeface="Calibri" panose="020F0502020204030204"/>
              <a:ea typeface="+mn-ea"/>
              <a:cs typeface="+mn-cs"/>
            </a:rPr>
            <a:t>C-Rohr/ Schnellangriff</a:t>
          </a:r>
        </a:p>
      </dgm:t>
    </dgm:pt>
    <dgm:pt modelId="{85683106-9A7D-4544-9AEA-792EAA924ADD}" type="parTrans" cxnId="{4C06BD77-B0D8-4643-851E-D11605F7B36C}">
      <dgm:prSet/>
      <dgm:spPr/>
      <dgm:t>
        <a:bodyPr/>
        <a:lstStyle/>
        <a:p>
          <a:endParaRPr lang="de-DE"/>
        </a:p>
      </dgm:t>
    </dgm:pt>
    <dgm:pt modelId="{0F18389B-9B3C-4ECF-821F-64F71E7AA75A}" type="sibTrans" cxnId="{4C06BD77-B0D8-4643-851E-D11605F7B36C}">
      <dgm:prSet/>
      <dgm:spPr/>
      <dgm:t>
        <a:bodyPr/>
        <a:lstStyle/>
        <a:p>
          <a:endParaRPr lang="de-DE"/>
        </a:p>
      </dgm:t>
    </dgm:pt>
    <dgm:pt modelId="{7D556B63-1644-400C-A9F4-E90B6687F636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</dgm:spPr>
      <dgm:t>
        <a:bodyPr/>
        <a:lstStyle/>
        <a:p>
          <a:pPr algn="l">
            <a:buChar char="•"/>
          </a:pPr>
          <a:r>
            <a:rPr lang="de-DE" dirty="0">
              <a:latin typeface="Calibri" panose="020F0502020204030204"/>
              <a:ea typeface="+mn-ea"/>
              <a:cs typeface="+mn-cs"/>
            </a:rPr>
            <a:t>Pulverlöscher</a:t>
          </a:r>
        </a:p>
      </dgm:t>
    </dgm:pt>
    <dgm:pt modelId="{FD7C859B-17CA-4FCF-B0B4-6F1A19F5C31C}" type="parTrans" cxnId="{28F5777E-7693-45FD-9329-211C9252EC46}">
      <dgm:prSet/>
      <dgm:spPr/>
      <dgm:t>
        <a:bodyPr/>
        <a:lstStyle/>
        <a:p>
          <a:endParaRPr lang="de-DE"/>
        </a:p>
      </dgm:t>
    </dgm:pt>
    <dgm:pt modelId="{C1D95C60-5945-4C27-B916-4902FA0A5D06}" type="sibTrans" cxnId="{28F5777E-7693-45FD-9329-211C9252EC46}">
      <dgm:prSet/>
      <dgm:spPr/>
      <dgm:t>
        <a:bodyPr/>
        <a:lstStyle/>
        <a:p>
          <a:endParaRPr lang="de-DE"/>
        </a:p>
      </dgm:t>
    </dgm:pt>
    <dgm:pt modelId="{908B5984-C679-4982-91D6-A2756B5471A4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</dgm:spPr>
      <dgm:t>
        <a:bodyPr/>
        <a:lstStyle/>
        <a:p>
          <a:pPr algn="l">
            <a:buChar char="•"/>
          </a:pPr>
          <a:r>
            <a:rPr lang="de-DE">
              <a:latin typeface="Calibri" panose="020F0502020204030204"/>
              <a:ea typeface="+mn-ea"/>
              <a:cs typeface="+mn-cs"/>
            </a:rPr>
            <a:t>CO2-Löscher</a:t>
          </a:r>
          <a:endParaRPr lang="de-DE" dirty="0">
            <a:latin typeface="Calibri" panose="020F0502020204030204"/>
            <a:ea typeface="+mn-ea"/>
            <a:cs typeface="+mn-cs"/>
          </a:endParaRPr>
        </a:p>
      </dgm:t>
    </dgm:pt>
    <dgm:pt modelId="{3C67A605-E918-4229-910B-D0214ACE2DA9}" type="parTrans" cxnId="{E0F9D5B3-E5FF-4721-801E-5B85004AA004}">
      <dgm:prSet/>
      <dgm:spPr/>
      <dgm:t>
        <a:bodyPr/>
        <a:lstStyle/>
        <a:p>
          <a:endParaRPr lang="de-DE"/>
        </a:p>
      </dgm:t>
    </dgm:pt>
    <dgm:pt modelId="{77D6C23D-66A9-412C-A1B2-BFD3A2CA9FFD}" type="sibTrans" cxnId="{E0F9D5B3-E5FF-4721-801E-5B85004AA004}">
      <dgm:prSet/>
      <dgm:spPr/>
      <dgm:t>
        <a:bodyPr/>
        <a:lstStyle/>
        <a:p>
          <a:endParaRPr lang="de-DE"/>
        </a:p>
      </dgm:t>
    </dgm:pt>
    <dgm:pt modelId="{6E649063-C827-42BB-B17B-C66B4C025922}">
      <dgm:prSet custT="1"/>
      <dgm:spPr/>
      <dgm:t>
        <a:bodyPr/>
        <a:lstStyle/>
        <a:p>
          <a:r>
            <a:rPr lang="de-DE" sz="2000" dirty="0"/>
            <a:t>Bis zu Vierfacher Brandschutz </a:t>
          </a:r>
        </a:p>
      </dgm:t>
    </dgm:pt>
    <dgm:pt modelId="{DC86CBB4-9B04-49B9-994A-F16D527E9B8E}" type="parTrans" cxnId="{56EB0670-699F-4C34-A710-79455B2C69B2}">
      <dgm:prSet/>
      <dgm:spPr/>
      <dgm:t>
        <a:bodyPr/>
        <a:lstStyle/>
        <a:p>
          <a:endParaRPr lang="de-DE"/>
        </a:p>
      </dgm:t>
    </dgm:pt>
    <dgm:pt modelId="{68639296-2AEE-4D0A-AF0C-A0F3254B162E}" type="sibTrans" cxnId="{56EB0670-699F-4C34-A710-79455B2C69B2}">
      <dgm:prSet/>
      <dgm:spPr/>
      <dgm:t>
        <a:bodyPr/>
        <a:lstStyle/>
        <a:p>
          <a:endParaRPr lang="de-DE"/>
        </a:p>
      </dgm:t>
    </dgm:pt>
    <dgm:pt modelId="{A9CA71BC-F571-40E4-A610-A9C581A886B7}">
      <dgm:prSet custT="1"/>
      <dgm:spPr/>
      <dgm:t>
        <a:bodyPr/>
        <a:lstStyle/>
        <a:p>
          <a:r>
            <a:rPr lang="de-DE" sz="2000" dirty="0"/>
            <a:t>Je nach Weisung des Einheitsführers ist das entsprechende Löschmittel aufzubauen</a:t>
          </a:r>
        </a:p>
      </dgm:t>
    </dgm:pt>
    <dgm:pt modelId="{4F26E805-40C8-4BC8-A32C-0DF778F4FDE8}" type="parTrans" cxnId="{67DBB68B-EB18-4FF8-B172-A98BF7DF1301}">
      <dgm:prSet/>
      <dgm:spPr/>
      <dgm:t>
        <a:bodyPr/>
        <a:lstStyle/>
        <a:p>
          <a:endParaRPr lang="de-DE"/>
        </a:p>
      </dgm:t>
    </dgm:pt>
    <dgm:pt modelId="{487DE5AF-89B1-43E9-A5B1-F4CD3AFB31D0}" type="sibTrans" cxnId="{67DBB68B-EB18-4FF8-B172-A98BF7DF1301}">
      <dgm:prSet/>
      <dgm:spPr/>
      <dgm:t>
        <a:bodyPr/>
        <a:lstStyle/>
        <a:p>
          <a:endParaRPr lang="de-DE"/>
        </a:p>
      </dgm:t>
    </dgm:pt>
    <dgm:pt modelId="{8A1CA974-BB5B-4073-8E8A-806B1A7B86F6}">
      <dgm:prSet phldrT="[Text]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 rot="10800000">
          <a:off x="298384" y="2103677"/>
          <a:ext cx="3660162" cy="2571162"/>
        </a:xfrm>
      </dgm:spPr>
      <dgm:t>
        <a:bodyPr/>
        <a:lstStyle/>
        <a:p>
          <a:pPr algn="l">
            <a:buChar char="•"/>
          </a:pPr>
          <a:r>
            <a:rPr lang="de-DE" dirty="0">
              <a:latin typeface="Calibri" panose="020F0502020204030204"/>
              <a:ea typeface="+mn-ea"/>
              <a:cs typeface="+mn-cs"/>
            </a:rPr>
            <a:t>Schaum</a:t>
          </a:r>
        </a:p>
      </dgm:t>
    </dgm:pt>
    <dgm:pt modelId="{BCA88F21-EA20-40CE-8296-AA08AAE53036}" type="parTrans" cxnId="{D55F3D07-4D80-4E37-9A50-DCDA3D675980}">
      <dgm:prSet/>
      <dgm:spPr/>
    </dgm:pt>
    <dgm:pt modelId="{B1114F9A-F945-47D4-833B-8E295AD9CCBE}" type="sibTrans" cxnId="{D55F3D07-4D80-4E37-9A50-DCDA3D675980}">
      <dgm:prSet/>
      <dgm:spPr/>
    </dgm:pt>
    <dgm:pt modelId="{42FA7853-BF01-4909-AB2E-D95053B22309}" type="pres">
      <dgm:prSet presAssocID="{DF41A701-3E60-45DD-87C4-A41C28EEBF3C}" presName="Name0" presStyleCnt="0">
        <dgm:presLayoutVars>
          <dgm:dir/>
          <dgm:resizeHandles val="exact"/>
        </dgm:presLayoutVars>
      </dgm:prSet>
      <dgm:spPr/>
    </dgm:pt>
    <dgm:pt modelId="{19AF4AF2-E2BA-408B-9A59-75707C48F070}" type="pres">
      <dgm:prSet presAssocID="{DF41A701-3E60-45DD-87C4-A41C28EEBF3C}" presName="bkgdShp" presStyleLbl="alignAccFollowNode1" presStyleIdx="0" presStyleCnt="1">
        <dgm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dgm:style>
      </dgm:prSet>
      <dgm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</a:gradFill>
      </dgm:spPr>
    </dgm:pt>
    <dgm:pt modelId="{393228BE-F531-4562-A9B9-8E6DCEFD65D5}" type="pres">
      <dgm:prSet presAssocID="{DF41A701-3E60-45DD-87C4-A41C28EEBF3C}" presName="linComp" presStyleCnt="0"/>
      <dgm:spPr/>
    </dgm:pt>
    <dgm:pt modelId="{F179BA65-0387-4039-8C30-599595A757FA}" type="pres">
      <dgm:prSet presAssocID="{43471B4A-3533-4C23-AA98-AF07B4F0FD85}" presName="compNode" presStyleCnt="0"/>
      <dgm:spPr/>
    </dgm:pt>
    <dgm:pt modelId="{B3F0B225-88BF-4329-B77F-0A8C0271F05F}" type="pres">
      <dgm:prSet presAssocID="{43471B4A-3533-4C23-AA98-AF07B4F0FD85}" presName="node" presStyleLbl="node1" presStyleIdx="0" presStyleCnt="2" custLinFactNeighborX="731" custLinFactNeighborY="0">
        <dgm:presLayoutVars>
          <dgm:bulletEnabled val="1"/>
        </dgm:presLayoutVars>
      </dgm:prSet>
      <dgm:spPr>
        <a:prstGeom prst="round2SameRect">
          <a:avLst>
            <a:gd name="adj1" fmla="val 10500"/>
            <a:gd name="adj2" fmla="val 0"/>
          </a:avLst>
        </a:prstGeom>
      </dgm:spPr>
    </dgm:pt>
    <dgm:pt modelId="{893732E2-7DDD-44D1-94C5-87E8562042EF}" type="pres">
      <dgm:prSet presAssocID="{43471B4A-3533-4C23-AA98-AF07B4F0FD85}" presName="invisiNode" presStyleLbl="node1" presStyleIdx="0" presStyleCnt="2"/>
      <dgm:spPr/>
    </dgm:pt>
    <dgm:pt modelId="{B5879C75-A95E-40BA-BDEE-0DDF1AF2CA98}" type="pres">
      <dgm:prSet presAssocID="{43471B4A-3533-4C23-AA98-AF07B4F0FD85}" presName="imagNode" presStyleLbl="fgImgPlace1" presStyleIdx="0" presStyleCnt="2" custScaleX="101307"/>
      <dgm:spPr>
        <a:xfrm>
          <a:off x="247709" y="280490"/>
          <a:ext cx="3708001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/>
          <a:srcRect/>
          <a:stretch>
            <a:fillRect l="27184" t="10329" r="27184" b="10329"/>
          </a:stretch>
        </a:blipFill>
      </dgm:spPr>
    </dgm:pt>
    <dgm:pt modelId="{6DEFEC5D-A71B-4137-9B4E-3A139708FAD3}" type="pres">
      <dgm:prSet presAssocID="{A0457F3A-6337-48DF-8C8C-3093048BD5E3}" presName="sibTrans" presStyleLbl="sibTrans2D1" presStyleIdx="0" presStyleCnt="0"/>
      <dgm:spPr/>
    </dgm:pt>
    <dgm:pt modelId="{B35CD36D-F4DA-46BB-AF8E-0DE523A9454C}" type="pres">
      <dgm:prSet presAssocID="{9550F5A6-F59D-4A29-8F8B-C66E5D1304D3}" presName="compNode" presStyleCnt="0"/>
      <dgm:spPr/>
    </dgm:pt>
    <dgm:pt modelId="{D44DE90D-91EF-4F88-AC0B-95A49A938705}" type="pres">
      <dgm:prSet presAssocID="{9550F5A6-F59D-4A29-8F8B-C66E5D1304D3}" presName="node" presStyleLbl="node1" presStyleIdx="1" presStyleCnt="2" custLinFactNeighborX="2216" custLinFactNeighborY="-297">
        <dgm:presLayoutVars>
          <dgm:bulletEnabled val="1"/>
        </dgm:presLayoutVars>
      </dgm:prSet>
      <dgm:spPr>
        <a:prstGeom prst="round2SameRect">
          <a:avLst>
            <a:gd name="adj1" fmla="val 10500"/>
            <a:gd name="adj2" fmla="val 0"/>
          </a:avLst>
        </a:prstGeom>
      </dgm:spPr>
    </dgm:pt>
    <dgm:pt modelId="{64AADF10-6B56-48EA-A017-BEF94E84AB09}" type="pres">
      <dgm:prSet presAssocID="{9550F5A6-F59D-4A29-8F8B-C66E5D1304D3}" presName="invisiNode" presStyleLbl="node1" presStyleIdx="1" presStyleCnt="2"/>
      <dgm:spPr/>
    </dgm:pt>
    <dgm:pt modelId="{53AA31C6-6660-48DA-9FAD-7384346AC6D5}" type="pres">
      <dgm:prSet presAssocID="{9550F5A6-F59D-4A29-8F8B-C66E5D1304D3}" presName="imagNode" presStyleLbl="fgImgPlace1" presStyleIdx="1" presStyleCnt="2" custLinFactNeighborX="-1089" custLinFactNeighborY="489"/>
      <dgm:spPr>
        <a:xfrm>
          <a:off x="4281868" y="288034"/>
          <a:ext cx="3660162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33771" t="-1339" r="33771" b="-1339"/>
          </a:stretch>
        </a:blipFill>
      </dgm:spPr>
    </dgm:pt>
  </dgm:ptLst>
  <dgm:cxnLst>
    <dgm:cxn modelId="{369EE500-51B1-4BA9-9203-DDBCD1DF0786}" type="presOf" srcId="{9550F5A6-F59D-4A29-8F8B-C66E5D1304D3}" destId="{D44DE90D-91EF-4F88-AC0B-95A49A938705}" srcOrd="0" destOrd="0" presId="urn:microsoft.com/office/officeart/2005/8/layout/pList2"/>
    <dgm:cxn modelId="{D55F3D07-4D80-4E37-9A50-DCDA3D675980}" srcId="{43471B4A-3533-4C23-AA98-AF07B4F0FD85}" destId="{8A1CA974-BB5B-4073-8E8A-806B1A7B86F6}" srcOrd="1" destOrd="0" parTransId="{BCA88F21-EA20-40CE-8296-AA08AAE53036}" sibTransId="{B1114F9A-F945-47D4-833B-8E295AD9CCBE}"/>
    <dgm:cxn modelId="{E6002E3B-4821-490F-BF47-430E17CECBEA}" type="presOf" srcId="{E8F1FC5D-DAF8-4DBA-8A81-C4AE4DD67395}" destId="{B3F0B225-88BF-4329-B77F-0A8C0271F05F}" srcOrd="0" destOrd="1" presId="urn:microsoft.com/office/officeart/2005/8/layout/pList2"/>
    <dgm:cxn modelId="{79125E61-EB6A-4005-8F66-7947021C2A40}" type="presOf" srcId="{DF41A701-3E60-45DD-87C4-A41C28EEBF3C}" destId="{42FA7853-BF01-4909-AB2E-D95053B22309}" srcOrd="0" destOrd="0" presId="urn:microsoft.com/office/officeart/2005/8/layout/pList2"/>
    <dgm:cxn modelId="{56EB0670-699F-4C34-A710-79455B2C69B2}" srcId="{9550F5A6-F59D-4A29-8F8B-C66E5D1304D3}" destId="{6E649063-C827-42BB-B17B-C66B4C025922}" srcOrd="0" destOrd="0" parTransId="{DC86CBB4-9B04-49B9-994A-F16D527E9B8E}" sibTransId="{68639296-2AEE-4D0A-AF0C-A0F3254B162E}"/>
    <dgm:cxn modelId="{4C06BD77-B0D8-4643-851E-D11605F7B36C}" srcId="{43471B4A-3533-4C23-AA98-AF07B4F0FD85}" destId="{E8F1FC5D-DAF8-4DBA-8A81-C4AE4DD67395}" srcOrd="0" destOrd="0" parTransId="{85683106-9A7D-4544-9AEA-792EAA924ADD}" sibTransId="{0F18389B-9B3C-4ECF-821F-64F71E7AA75A}"/>
    <dgm:cxn modelId="{28F5777E-7693-45FD-9329-211C9252EC46}" srcId="{43471B4A-3533-4C23-AA98-AF07B4F0FD85}" destId="{7D556B63-1644-400C-A9F4-E90B6687F636}" srcOrd="2" destOrd="0" parTransId="{FD7C859B-17CA-4FCF-B0B4-6F1A19F5C31C}" sibTransId="{C1D95C60-5945-4C27-B916-4902FA0A5D06}"/>
    <dgm:cxn modelId="{D0D2787E-E52E-4545-AD32-D3F6017B0915}" srcId="{DF41A701-3E60-45DD-87C4-A41C28EEBF3C}" destId="{43471B4A-3533-4C23-AA98-AF07B4F0FD85}" srcOrd="0" destOrd="0" parTransId="{63C7A958-6502-49D4-8341-61DC22DCB076}" sibTransId="{A0457F3A-6337-48DF-8C8C-3093048BD5E3}"/>
    <dgm:cxn modelId="{EDA8F28A-8CBD-4D10-AE8C-14EEE2086747}" type="presOf" srcId="{43471B4A-3533-4C23-AA98-AF07B4F0FD85}" destId="{B3F0B225-88BF-4329-B77F-0A8C0271F05F}" srcOrd="0" destOrd="0" presId="urn:microsoft.com/office/officeart/2005/8/layout/pList2"/>
    <dgm:cxn modelId="{67DBB68B-EB18-4FF8-B172-A98BF7DF1301}" srcId="{9550F5A6-F59D-4A29-8F8B-C66E5D1304D3}" destId="{A9CA71BC-F571-40E4-A610-A9C581A886B7}" srcOrd="1" destOrd="0" parTransId="{4F26E805-40C8-4BC8-A32C-0DF778F4FDE8}" sibTransId="{487DE5AF-89B1-43E9-A5B1-F4CD3AFB31D0}"/>
    <dgm:cxn modelId="{3FF9378E-633F-4725-B1B6-162DDCF0DE09}" type="presOf" srcId="{6E649063-C827-42BB-B17B-C66B4C025922}" destId="{D44DE90D-91EF-4F88-AC0B-95A49A938705}" srcOrd="0" destOrd="1" presId="urn:microsoft.com/office/officeart/2005/8/layout/pList2"/>
    <dgm:cxn modelId="{72A5A48F-B916-4198-A53E-5562D5386AC7}" type="presOf" srcId="{A0457F3A-6337-48DF-8C8C-3093048BD5E3}" destId="{6DEFEC5D-A71B-4137-9B4E-3A139708FAD3}" srcOrd="0" destOrd="0" presId="urn:microsoft.com/office/officeart/2005/8/layout/pList2"/>
    <dgm:cxn modelId="{4D703494-8243-4B08-8B92-436B4982308F}" type="presOf" srcId="{8A1CA974-BB5B-4073-8E8A-806B1A7B86F6}" destId="{B3F0B225-88BF-4329-B77F-0A8C0271F05F}" srcOrd="0" destOrd="2" presId="urn:microsoft.com/office/officeart/2005/8/layout/pList2"/>
    <dgm:cxn modelId="{E2DE7DA9-47A2-49E6-A0AE-A003A32A5B2C}" type="presOf" srcId="{908B5984-C679-4982-91D6-A2756B5471A4}" destId="{B3F0B225-88BF-4329-B77F-0A8C0271F05F}" srcOrd="0" destOrd="4" presId="urn:microsoft.com/office/officeart/2005/8/layout/pList2"/>
    <dgm:cxn modelId="{1606A9B0-44CE-49F1-B9A5-A3A3C23C36A1}" srcId="{DF41A701-3E60-45DD-87C4-A41C28EEBF3C}" destId="{9550F5A6-F59D-4A29-8F8B-C66E5D1304D3}" srcOrd="1" destOrd="0" parTransId="{962D9DA3-9A4B-4B3D-BB1F-BB0433EA388C}" sibTransId="{33B0FC79-9C2C-4E68-B54D-72EE1DCAA233}"/>
    <dgm:cxn modelId="{E0F9D5B3-E5FF-4721-801E-5B85004AA004}" srcId="{43471B4A-3533-4C23-AA98-AF07B4F0FD85}" destId="{908B5984-C679-4982-91D6-A2756B5471A4}" srcOrd="3" destOrd="0" parTransId="{3C67A605-E918-4229-910B-D0214ACE2DA9}" sibTransId="{77D6C23D-66A9-412C-A1B2-BFD3A2CA9FFD}"/>
    <dgm:cxn modelId="{470857D5-05B9-479C-87EF-DBC0362323FE}" type="presOf" srcId="{7D556B63-1644-400C-A9F4-E90B6687F636}" destId="{B3F0B225-88BF-4329-B77F-0A8C0271F05F}" srcOrd="0" destOrd="3" presId="urn:microsoft.com/office/officeart/2005/8/layout/pList2"/>
    <dgm:cxn modelId="{4EFC61E5-5FB0-4716-A774-AEBD0FBB5F60}" type="presOf" srcId="{A9CA71BC-F571-40E4-A610-A9C581A886B7}" destId="{D44DE90D-91EF-4F88-AC0B-95A49A938705}" srcOrd="0" destOrd="2" presId="urn:microsoft.com/office/officeart/2005/8/layout/pList2"/>
    <dgm:cxn modelId="{A5BB67E3-0D68-4E18-89FD-BADFF0E9FFBC}" type="presParOf" srcId="{42FA7853-BF01-4909-AB2E-D95053B22309}" destId="{19AF4AF2-E2BA-408B-9A59-75707C48F070}" srcOrd="0" destOrd="0" presId="urn:microsoft.com/office/officeart/2005/8/layout/pList2"/>
    <dgm:cxn modelId="{5245E022-5899-4119-8E72-73801BB0BFB3}" type="presParOf" srcId="{42FA7853-BF01-4909-AB2E-D95053B22309}" destId="{393228BE-F531-4562-A9B9-8E6DCEFD65D5}" srcOrd="1" destOrd="0" presId="urn:microsoft.com/office/officeart/2005/8/layout/pList2"/>
    <dgm:cxn modelId="{3DA992CA-A80D-4E36-A4B6-8A07C0428B20}" type="presParOf" srcId="{393228BE-F531-4562-A9B9-8E6DCEFD65D5}" destId="{F179BA65-0387-4039-8C30-599595A757FA}" srcOrd="0" destOrd="0" presId="urn:microsoft.com/office/officeart/2005/8/layout/pList2"/>
    <dgm:cxn modelId="{9591E5DF-12AA-42F0-B443-489B64D7C1F3}" type="presParOf" srcId="{F179BA65-0387-4039-8C30-599595A757FA}" destId="{B3F0B225-88BF-4329-B77F-0A8C0271F05F}" srcOrd="0" destOrd="0" presId="urn:microsoft.com/office/officeart/2005/8/layout/pList2"/>
    <dgm:cxn modelId="{7C1556F8-6A14-42DA-9BE9-1DBAEDFCA491}" type="presParOf" srcId="{F179BA65-0387-4039-8C30-599595A757FA}" destId="{893732E2-7DDD-44D1-94C5-87E8562042EF}" srcOrd="1" destOrd="0" presId="urn:microsoft.com/office/officeart/2005/8/layout/pList2"/>
    <dgm:cxn modelId="{5BA148DC-2D03-4CA5-8E81-5679F81B8F10}" type="presParOf" srcId="{F179BA65-0387-4039-8C30-599595A757FA}" destId="{B5879C75-A95E-40BA-BDEE-0DDF1AF2CA98}" srcOrd="2" destOrd="0" presId="urn:microsoft.com/office/officeart/2005/8/layout/pList2"/>
    <dgm:cxn modelId="{9E542D47-785E-497F-AA9E-7569EBCB8E92}" type="presParOf" srcId="{393228BE-F531-4562-A9B9-8E6DCEFD65D5}" destId="{6DEFEC5D-A71B-4137-9B4E-3A139708FAD3}" srcOrd="1" destOrd="0" presId="urn:microsoft.com/office/officeart/2005/8/layout/pList2"/>
    <dgm:cxn modelId="{E941E780-B4D9-4BD9-8AD5-44E60E6455EA}" type="presParOf" srcId="{393228BE-F531-4562-A9B9-8E6DCEFD65D5}" destId="{B35CD36D-F4DA-46BB-AF8E-0DE523A9454C}" srcOrd="2" destOrd="0" presId="urn:microsoft.com/office/officeart/2005/8/layout/pList2"/>
    <dgm:cxn modelId="{4F8D2AFC-6F17-496C-8728-7BAE4D067D43}" type="presParOf" srcId="{B35CD36D-F4DA-46BB-AF8E-0DE523A9454C}" destId="{D44DE90D-91EF-4F88-AC0B-95A49A938705}" srcOrd="0" destOrd="0" presId="urn:microsoft.com/office/officeart/2005/8/layout/pList2"/>
    <dgm:cxn modelId="{223DD387-5659-491E-A2EB-06AD45215984}" type="presParOf" srcId="{B35CD36D-F4DA-46BB-AF8E-0DE523A9454C}" destId="{64AADF10-6B56-48EA-A017-BEF94E84AB09}" srcOrd="1" destOrd="0" presId="urn:microsoft.com/office/officeart/2005/8/layout/pList2"/>
    <dgm:cxn modelId="{AC8DEF9D-70D1-4D70-A4CA-042E1886512A}" type="presParOf" srcId="{B35CD36D-F4DA-46BB-AF8E-0DE523A9454C}" destId="{53AA31C6-6660-48DA-9FAD-7384346AC6D5}" srcOrd="2" destOrd="0" presId="urn:microsoft.com/office/officeart/2005/8/layout/pList2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7.xml><?xml version="1.0" encoding="utf-8"?>
<dgm:dataModel xmlns:dgm="http://schemas.openxmlformats.org/drawingml/2006/diagram" xmlns:a="http://schemas.openxmlformats.org/drawingml/2006/main">
  <dgm:ptLst>
    <dgm:pt modelId="{938BD2D5-CFD7-41B5-9886-FC2D2FB93A9E}" type="doc">
      <dgm:prSet loTypeId="urn:microsoft.com/office/officeart/2005/8/layout/vList4" loCatId="list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de-DE"/>
        </a:p>
      </dgm:t>
    </dgm:pt>
    <dgm:pt modelId="{C4C7F42F-3E02-4D02-AED6-C71335DC2F8F}">
      <dgm:prSet phldrT="[Text]" custT="1"/>
      <dgm:spPr/>
      <dgm:t>
        <a:bodyPr/>
        <a:lstStyle/>
        <a:p>
          <a:r>
            <a:rPr lang="de-DE" sz="2000" dirty="0"/>
            <a:t>Einheitsführer</a:t>
          </a:r>
        </a:p>
      </dgm:t>
    </dgm:pt>
    <dgm:pt modelId="{35C730DE-B2FE-42F0-B499-288AAA54E35D}" type="parTrans" cxnId="{8E8799E4-AFB6-4A80-8BCA-0A7409E78B62}">
      <dgm:prSet/>
      <dgm:spPr/>
      <dgm:t>
        <a:bodyPr/>
        <a:lstStyle/>
        <a:p>
          <a:endParaRPr lang="de-DE"/>
        </a:p>
      </dgm:t>
    </dgm:pt>
    <dgm:pt modelId="{696F9AB3-D716-4C4D-A4D5-2873FE2C6E05}" type="sibTrans" cxnId="{8E8799E4-AFB6-4A80-8BCA-0A7409E78B62}">
      <dgm:prSet/>
      <dgm:spPr/>
      <dgm:t>
        <a:bodyPr/>
        <a:lstStyle/>
        <a:p>
          <a:endParaRPr lang="de-DE"/>
        </a:p>
      </dgm:t>
    </dgm:pt>
    <dgm:pt modelId="{0D93E60D-73A1-47EB-A747-66F7FA70DA8F}">
      <dgm:prSet phldrT="[Text]" custT="1"/>
      <dgm:spPr/>
      <dgm:t>
        <a:bodyPr/>
        <a:lstStyle/>
        <a:p>
          <a:r>
            <a:rPr lang="de-DE" sz="1800" dirty="0"/>
            <a:t>Handlampe</a:t>
          </a:r>
        </a:p>
      </dgm:t>
    </dgm:pt>
    <dgm:pt modelId="{94E83096-2C5B-4466-B68E-EB9BC8D3F034}" type="parTrans" cxnId="{24F71BC8-2B6A-4F17-9D6F-2ACD03CA112B}">
      <dgm:prSet/>
      <dgm:spPr/>
      <dgm:t>
        <a:bodyPr/>
        <a:lstStyle/>
        <a:p>
          <a:endParaRPr lang="de-DE"/>
        </a:p>
      </dgm:t>
    </dgm:pt>
    <dgm:pt modelId="{C29C06FB-045F-416B-B767-AB5628FD8720}" type="sibTrans" cxnId="{24F71BC8-2B6A-4F17-9D6F-2ACD03CA112B}">
      <dgm:prSet/>
      <dgm:spPr/>
      <dgm:t>
        <a:bodyPr/>
        <a:lstStyle/>
        <a:p>
          <a:endParaRPr lang="de-DE"/>
        </a:p>
      </dgm:t>
    </dgm:pt>
    <dgm:pt modelId="{5DFEC22B-BE42-4625-9C76-DE036ECAFD11}">
      <dgm:prSet phldrT="[Text]" custT="1"/>
      <dgm:spPr/>
      <dgm:t>
        <a:bodyPr/>
        <a:lstStyle/>
        <a:p>
          <a:r>
            <a:rPr lang="de-DE" sz="1800" dirty="0"/>
            <a:t>Funkgerät</a:t>
          </a:r>
        </a:p>
      </dgm:t>
    </dgm:pt>
    <dgm:pt modelId="{6892907D-5067-4FB0-BEFC-284AB05018A4}" type="parTrans" cxnId="{626C7FD6-ADE0-45BE-8295-24F51383C66D}">
      <dgm:prSet/>
      <dgm:spPr/>
      <dgm:t>
        <a:bodyPr/>
        <a:lstStyle/>
        <a:p>
          <a:endParaRPr lang="de-DE"/>
        </a:p>
      </dgm:t>
    </dgm:pt>
    <dgm:pt modelId="{B69CBD3F-A7AE-4CB1-80F6-7B4A86A3B24C}" type="sibTrans" cxnId="{626C7FD6-ADE0-45BE-8295-24F51383C66D}">
      <dgm:prSet/>
      <dgm:spPr/>
      <dgm:t>
        <a:bodyPr/>
        <a:lstStyle/>
        <a:p>
          <a:endParaRPr lang="de-DE"/>
        </a:p>
      </dgm:t>
    </dgm:pt>
    <dgm:pt modelId="{A3ECFD7D-9F61-4C56-AD5F-ABA0D53CBB78}">
      <dgm:prSet phldrT="[Text]" custT="1"/>
      <dgm:spPr/>
      <dgm:t>
        <a:bodyPr/>
        <a:lstStyle/>
        <a:p>
          <a:r>
            <a:rPr lang="de-DE" sz="2000" dirty="0"/>
            <a:t>Melder</a:t>
          </a:r>
        </a:p>
      </dgm:t>
    </dgm:pt>
    <dgm:pt modelId="{80D99D45-D2B1-491F-BB53-D0115633FCFE}" type="parTrans" cxnId="{270A83FF-A34D-4679-A354-A7F2B913839F}">
      <dgm:prSet/>
      <dgm:spPr/>
      <dgm:t>
        <a:bodyPr/>
        <a:lstStyle/>
        <a:p>
          <a:endParaRPr lang="de-DE"/>
        </a:p>
      </dgm:t>
    </dgm:pt>
    <dgm:pt modelId="{46731058-ED42-487F-AAF0-0F47EE26C765}" type="sibTrans" cxnId="{270A83FF-A34D-4679-A354-A7F2B913839F}">
      <dgm:prSet/>
      <dgm:spPr/>
      <dgm:t>
        <a:bodyPr/>
        <a:lstStyle/>
        <a:p>
          <a:endParaRPr lang="de-DE"/>
        </a:p>
      </dgm:t>
    </dgm:pt>
    <dgm:pt modelId="{BD7A50CF-6B25-4346-8A65-D88C8900320D}">
      <dgm:prSet phldrT="[Text]" custT="1"/>
      <dgm:spPr/>
      <dgm:t>
        <a:bodyPr/>
        <a:lstStyle/>
        <a:p>
          <a:r>
            <a:rPr lang="de-DE" sz="1800" dirty="0"/>
            <a:t>Handlampe</a:t>
          </a:r>
        </a:p>
      </dgm:t>
    </dgm:pt>
    <dgm:pt modelId="{4F58A522-B015-487D-B5C9-46C2E8D2CEE4}" type="parTrans" cxnId="{8387DE54-CE90-4635-B71E-23B42CC63360}">
      <dgm:prSet/>
      <dgm:spPr/>
      <dgm:t>
        <a:bodyPr/>
        <a:lstStyle/>
        <a:p>
          <a:endParaRPr lang="de-DE"/>
        </a:p>
      </dgm:t>
    </dgm:pt>
    <dgm:pt modelId="{76F1D032-B480-452E-819C-D279C7FC3F4D}" type="sibTrans" cxnId="{8387DE54-CE90-4635-B71E-23B42CC63360}">
      <dgm:prSet/>
      <dgm:spPr/>
      <dgm:t>
        <a:bodyPr/>
        <a:lstStyle/>
        <a:p>
          <a:endParaRPr lang="de-DE"/>
        </a:p>
      </dgm:t>
    </dgm:pt>
    <dgm:pt modelId="{4B855F12-FDBF-4A84-A40B-B31A97D0B8E9}">
      <dgm:prSet phldrT="[Text]" custT="1"/>
      <dgm:spPr/>
      <dgm:t>
        <a:bodyPr/>
        <a:lstStyle/>
        <a:p>
          <a:r>
            <a:rPr lang="de-DE" sz="1800" dirty="0"/>
            <a:t>Funkgerät</a:t>
          </a:r>
        </a:p>
      </dgm:t>
    </dgm:pt>
    <dgm:pt modelId="{808C2A23-BEF9-4B91-9A80-3376A04B9C33}" type="parTrans" cxnId="{BE45C1B5-553B-4186-89AA-C68AD4AE56C6}">
      <dgm:prSet/>
      <dgm:spPr/>
      <dgm:t>
        <a:bodyPr/>
        <a:lstStyle/>
        <a:p>
          <a:endParaRPr lang="de-DE"/>
        </a:p>
      </dgm:t>
    </dgm:pt>
    <dgm:pt modelId="{EDCB88DD-B9CF-4FA7-A456-CB5A8F752655}" type="sibTrans" cxnId="{BE45C1B5-553B-4186-89AA-C68AD4AE56C6}">
      <dgm:prSet/>
      <dgm:spPr/>
      <dgm:t>
        <a:bodyPr/>
        <a:lstStyle/>
        <a:p>
          <a:endParaRPr lang="de-DE"/>
        </a:p>
      </dgm:t>
    </dgm:pt>
    <dgm:pt modelId="{C1390663-55BA-4A0A-A571-25839B7018FE}">
      <dgm:prSet phldrT="[Text]"/>
      <dgm:spPr/>
      <dgm:t>
        <a:bodyPr/>
        <a:lstStyle/>
        <a:p>
          <a:r>
            <a:rPr lang="de-DE" sz="1900" dirty="0"/>
            <a:t>Angriffstrupp</a:t>
          </a:r>
        </a:p>
      </dgm:t>
    </dgm:pt>
    <dgm:pt modelId="{5834AED8-D20A-4D4E-B150-09CCF91A8934}" type="parTrans" cxnId="{E5E23BCF-15CA-4321-8698-03809EF4C364}">
      <dgm:prSet/>
      <dgm:spPr/>
      <dgm:t>
        <a:bodyPr/>
        <a:lstStyle/>
        <a:p>
          <a:endParaRPr lang="de-DE"/>
        </a:p>
      </dgm:t>
    </dgm:pt>
    <dgm:pt modelId="{495A0ECB-4480-4E89-B7BF-EBC38B3E23D4}" type="sibTrans" cxnId="{E5E23BCF-15CA-4321-8698-03809EF4C364}">
      <dgm:prSet/>
      <dgm:spPr/>
      <dgm:t>
        <a:bodyPr/>
        <a:lstStyle/>
        <a:p>
          <a:endParaRPr lang="de-DE"/>
        </a:p>
      </dgm:t>
    </dgm:pt>
    <dgm:pt modelId="{D4EBC369-3927-43F7-9E03-516B06FE001C}">
      <dgm:prSet phldrT="[Text]" custT="1"/>
      <dgm:spPr/>
      <dgm:t>
        <a:bodyPr/>
        <a:lstStyle/>
        <a:p>
          <a:r>
            <a:rPr lang="de-DE" sz="1600" dirty="0"/>
            <a:t>Erste-Hilfe-Kasten </a:t>
          </a:r>
        </a:p>
      </dgm:t>
    </dgm:pt>
    <dgm:pt modelId="{C590FD53-1E9F-470E-9511-6FE8CBBAF7F0}" type="parTrans" cxnId="{0D8AC7EF-53EF-48EA-80EC-21AD7D8EB34A}">
      <dgm:prSet/>
      <dgm:spPr/>
      <dgm:t>
        <a:bodyPr/>
        <a:lstStyle/>
        <a:p>
          <a:endParaRPr lang="de-DE"/>
        </a:p>
      </dgm:t>
    </dgm:pt>
    <dgm:pt modelId="{D34889B6-16BA-4EDD-A0CF-5AC8D17EFA63}" type="sibTrans" cxnId="{0D8AC7EF-53EF-48EA-80EC-21AD7D8EB34A}">
      <dgm:prSet/>
      <dgm:spPr/>
      <dgm:t>
        <a:bodyPr/>
        <a:lstStyle/>
        <a:p>
          <a:endParaRPr lang="de-DE"/>
        </a:p>
      </dgm:t>
    </dgm:pt>
    <dgm:pt modelId="{A35339F1-F877-4F31-BB2F-5C8D584D531D}">
      <dgm:prSet phldrT="[Text]" custT="1"/>
      <dgm:spPr/>
      <dgm:t>
        <a:bodyPr/>
        <a:lstStyle/>
        <a:p>
          <a:r>
            <a:rPr lang="de-DE" sz="1600" dirty="0"/>
            <a:t>Brechwerkzeug</a:t>
          </a:r>
        </a:p>
      </dgm:t>
    </dgm:pt>
    <dgm:pt modelId="{FF0A1681-FC80-46FE-871F-B36FA000FFB9}" type="parTrans" cxnId="{72AEC7E4-0BF9-4B34-BBDF-7893E45EB089}">
      <dgm:prSet/>
      <dgm:spPr/>
      <dgm:t>
        <a:bodyPr/>
        <a:lstStyle/>
        <a:p>
          <a:endParaRPr lang="de-DE"/>
        </a:p>
      </dgm:t>
    </dgm:pt>
    <dgm:pt modelId="{64E98016-B065-498E-A35F-DFEDE38BFCCB}" type="sibTrans" cxnId="{72AEC7E4-0BF9-4B34-BBDF-7893E45EB089}">
      <dgm:prSet/>
      <dgm:spPr/>
      <dgm:t>
        <a:bodyPr/>
        <a:lstStyle/>
        <a:p>
          <a:endParaRPr lang="de-DE"/>
        </a:p>
      </dgm:t>
    </dgm:pt>
    <dgm:pt modelId="{53F01E54-7882-4D09-8DA1-474A93D6228F}">
      <dgm:prSet phldrT="[Text]" custT="1"/>
      <dgm:spPr/>
      <dgm:t>
        <a:bodyPr/>
        <a:lstStyle/>
        <a:p>
          <a:r>
            <a:rPr lang="de-DE" sz="1600" dirty="0"/>
            <a:t>Handlampe</a:t>
          </a:r>
        </a:p>
      </dgm:t>
    </dgm:pt>
    <dgm:pt modelId="{CEA24DE2-E3BD-4048-84D9-26C56C52950F}" type="parTrans" cxnId="{D3EB8DEB-0381-4439-A6CF-65D2561EE8CF}">
      <dgm:prSet/>
      <dgm:spPr/>
    </dgm:pt>
    <dgm:pt modelId="{E0F9AFFD-68BF-4495-AA2B-B2CC61712352}" type="sibTrans" cxnId="{D3EB8DEB-0381-4439-A6CF-65D2561EE8CF}">
      <dgm:prSet/>
      <dgm:spPr/>
    </dgm:pt>
    <dgm:pt modelId="{C54E43F7-C84D-45C2-BC91-0C5ADF6799F5}">
      <dgm:prSet phldrT="[Text]" custT="1"/>
      <dgm:spPr/>
      <dgm:t>
        <a:bodyPr/>
        <a:lstStyle/>
        <a:p>
          <a:r>
            <a:rPr lang="de-DE" sz="1600" dirty="0"/>
            <a:t>Funkgerät</a:t>
          </a:r>
        </a:p>
      </dgm:t>
    </dgm:pt>
    <dgm:pt modelId="{B2E98766-2D75-4779-80E4-1AC4B9E5BD09}" type="parTrans" cxnId="{93C75C71-8E07-4E66-95A4-BC212E0CA0F3}">
      <dgm:prSet/>
      <dgm:spPr/>
    </dgm:pt>
    <dgm:pt modelId="{3FFCD5EE-BA30-4DCF-B77D-73FC7821BB70}" type="sibTrans" cxnId="{93C75C71-8E07-4E66-95A4-BC212E0CA0F3}">
      <dgm:prSet/>
      <dgm:spPr/>
    </dgm:pt>
    <dgm:pt modelId="{89BB13F7-F2E1-4C55-AAE5-B2E59246C119}" type="pres">
      <dgm:prSet presAssocID="{938BD2D5-CFD7-41B5-9886-FC2D2FB93A9E}" presName="linear" presStyleCnt="0">
        <dgm:presLayoutVars>
          <dgm:dir/>
          <dgm:resizeHandles val="exact"/>
        </dgm:presLayoutVars>
      </dgm:prSet>
      <dgm:spPr/>
    </dgm:pt>
    <dgm:pt modelId="{2419D153-838A-4138-B599-61007AA24E52}" type="pres">
      <dgm:prSet presAssocID="{C4C7F42F-3E02-4D02-AED6-C71335DC2F8F}" presName="comp" presStyleCnt="0"/>
      <dgm:spPr/>
    </dgm:pt>
    <dgm:pt modelId="{A910462B-50BF-4C91-ABE9-63956851F439}" type="pres">
      <dgm:prSet presAssocID="{C4C7F42F-3E02-4D02-AED6-C71335DC2F8F}" presName="box" presStyleLbl="node1" presStyleIdx="0" presStyleCnt="3" custScaleY="91485" custLinFactNeighborX="304" custLinFactNeighborY="-587"/>
      <dgm:spPr/>
    </dgm:pt>
    <dgm:pt modelId="{031CC343-DFB9-42A0-9803-2EE88526FD69}" type="pres">
      <dgm:prSet presAssocID="{C4C7F42F-3E02-4D02-AED6-C71335DC2F8F}" presName="img" presStyleLbl="fgImgPlace1" presStyleIdx="0" presStyleCnt="3"/>
      <dgm:spPr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9000" r="-29000"/>
          </a:stretch>
        </a:blipFill>
      </dgm:spPr>
    </dgm:pt>
    <dgm:pt modelId="{47D02C6A-C924-4B0D-A12F-8871EA2BF4AA}" type="pres">
      <dgm:prSet presAssocID="{C4C7F42F-3E02-4D02-AED6-C71335DC2F8F}" presName="text" presStyleLbl="node1" presStyleIdx="0" presStyleCnt="3">
        <dgm:presLayoutVars>
          <dgm:bulletEnabled val="1"/>
        </dgm:presLayoutVars>
      </dgm:prSet>
      <dgm:spPr/>
    </dgm:pt>
    <dgm:pt modelId="{7185BC5C-988E-4A29-9706-91C92CF06BB3}" type="pres">
      <dgm:prSet presAssocID="{696F9AB3-D716-4C4D-A4D5-2873FE2C6E05}" presName="spacer" presStyleCnt="0"/>
      <dgm:spPr/>
    </dgm:pt>
    <dgm:pt modelId="{9D9E1163-F7C5-4B1E-B35A-B7DDBC639412}" type="pres">
      <dgm:prSet presAssocID="{A3ECFD7D-9F61-4C56-AD5F-ABA0D53CBB78}" presName="comp" presStyleCnt="0"/>
      <dgm:spPr/>
    </dgm:pt>
    <dgm:pt modelId="{4292566C-7C6F-48F4-A711-556101F9C92D}" type="pres">
      <dgm:prSet presAssocID="{A3ECFD7D-9F61-4C56-AD5F-ABA0D53CBB78}" presName="box" presStyleLbl="node1" presStyleIdx="1" presStyleCnt="3" custLinFactNeighborY="924"/>
      <dgm:spPr/>
    </dgm:pt>
    <dgm:pt modelId="{0EE574F7-39D3-4FF2-9BC2-837C11F4DBC3}" type="pres">
      <dgm:prSet presAssocID="{A3ECFD7D-9F61-4C56-AD5F-ABA0D53CBB78}" presName="img" presStyleLbl="fgImgPlace1" presStyleIdx="1" presStyleCnt="3"/>
      <dgm:spPr>
        <a:blipFill dpi="0"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1881" t="-284" r="1881" b="-284"/>
          </a:stretch>
        </a:blipFill>
      </dgm:spPr>
    </dgm:pt>
    <dgm:pt modelId="{B917E039-285C-47C5-A36F-8DEE8B54D8EE}" type="pres">
      <dgm:prSet presAssocID="{A3ECFD7D-9F61-4C56-AD5F-ABA0D53CBB78}" presName="text" presStyleLbl="node1" presStyleIdx="1" presStyleCnt="3">
        <dgm:presLayoutVars>
          <dgm:bulletEnabled val="1"/>
        </dgm:presLayoutVars>
      </dgm:prSet>
      <dgm:spPr/>
    </dgm:pt>
    <dgm:pt modelId="{36C87CD5-AC6C-4549-8B0D-FF6EAE7AA61C}" type="pres">
      <dgm:prSet presAssocID="{46731058-ED42-487F-AAF0-0F47EE26C765}" presName="spacer" presStyleCnt="0"/>
      <dgm:spPr/>
    </dgm:pt>
    <dgm:pt modelId="{5D92647D-7178-4220-99C6-77FC43C182CD}" type="pres">
      <dgm:prSet presAssocID="{C1390663-55BA-4A0A-A571-25839B7018FE}" presName="comp" presStyleCnt="0"/>
      <dgm:spPr/>
    </dgm:pt>
    <dgm:pt modelId="{88BD62BC-877D-4ECE-A0C2-6C02FF8E0622}" type="pres">
      <dgm:prSet presAssocID="{C1390663-55BA-4A0A-A571-25839B7018FE}" presName="box" presStyleLbl="node1" presStyleIdx="2" presStyleCnt="3"/>
      <dgm:spPr/>
    </dgm:pt>
    <dgm:pt modelId="{101932DD-1829-4188-90D6-8619CD773F6C}" type="pres">
      <dgm:prSet presAssocID="{C1390663-55BA-4A0A-A571-25839B7018FE}" presName="img" presStyleLbl="fgImgPlace1" presStyleIdx="2" presStyleCnt="3"/>
      <dgm:spPr>
        <a:blipFill dpi="0"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1809" b="-1809"/>
          </a:stretch>
        </a:blipFill>
      </dgm:spPr>
    </dgm:pt>
    <dgm:pt modelId="{2F43241B-1148-4890-B9F2-70AB0D33911D}" type="pres">
      <dgm:prSet presAssocID="{C1390663-55BA-4A0A-A571-25839B7018FE}" presName="text" presStyleLbl="node1" presStyleIdx="2" presStyleCnt="3">
        <dgm:presLayoutVars>
          <dgm:bulletEnabled val="1"/>
        </dgm:presLayoutVars>
      </dgm:prSet>
      <dgm:spPr/>
    </dgm:pt>
  </dgm:ptLst>
  <dgm:cxnLst>
    <dgm:cxn modelId="{8C18B801-6736-4EB3-828C-C13D0BE0ECD4}" type="presOf" srcId="{C1390663-55BA-4A0A-A571-25839B7018FE}" destId="{88BD62BC-877D-4ECE-A0C2-6C02FF8E0622}" srcOrd="0" destOrd="0" presId="urn:microsoft.com/office/officeart/2005/8/layout/vList4"/>
    <dgm:cxn modelId="{CE29CD01-CF56-43BA-96F9-9733515C4048}" type="presOf" srcId="{938BD2D5-CFD7-41B5-9886-FC2D2FB93A9E}" destId="{89BB13F7-F2E1-4C55-AAE5-B2E59246C119}" srcOrd="0" destOrd="0" presId="urn:microsoft.com/office/officeart/2005/8/layout/vList4"/>
    <dgm:cxn modelId="{1681820A-960D-401C-A8BF-5502BE48F6E0}" type="presOf" srcId="{53F01E54-7882-4D09-8DA1-474A93D6228F}" destId="{88BD62BC-877D-4ECE-A0C2-6C02FF8E0622}" srcOrd="0" destOrd="3" presId="urn:microsoft.com/office/officeart/2005/8/layout/vList4"/>
    <dgm:cxn modelId="{EEEACA0D-B7C7-44EF-AAFB-97EDDFFB23BE}" type="presOf" srcId="{D4EBC369-3927-43F7-9E03-516B06FE001C}" destId="{88BD62BC-877D-4ECE-A0C2-6C02FF8E0622}" srcOrd="0" destOrd="1" presId="urn:microsoft.com/office/officeart/2005/8/layout/vList4"/>
    <dgm:cxn modelId="{859A101B-D919-4D9E-85F9-11C7F96ED142}" type="presOf" srcId="{0D93E60D-73A1-47EB-A747-66F7FA70DA8F}" destId="{A910462B-50BF-4C91-ABE9-63956851F439}" srcOrd="0" destOrd="1" presId="urn:microsoft.com/office/officeart/2005/8/layout/vList4"/>
    <dgm:cxn modelId="{12736426-C289-4DFE-9C32-AE843C56428F}" type="presOf" srcId="{0D93E60D-73A1-47EB-A747-66F7FA70DA8F}" destId="{47D02C6A-C924-4B0D-A12F-8871EA2BF4AA}" srcOrd="1" destOrd="1" presId="urn:microsoft.com/office/officeart/2005/8/layout/vList4"/>
    <dgm:cxn modelId="{90799B5B-A780-42EB-B9B2-E61D2125BDB1}" type="presOf" srcId="{C1390663-55BA-4A0A-A571-25839B7018FE}" destId="{2F43241B-1148-4890-B9F2-70AB0D33911D}" srcOrd="1" destOrd="0" presId="urn:microsoft.com/office/officeart/2005/8/layout/vList4"/>
    <dgm:cxn modelId="{977D305C-7F5A-4109-9201-B738B6CF2A0F}" type="presOf" srcId="{C4C7F42F-3E02-4D02-AED6-C71335DC2F8F}" destId="{A910462B-50BF-4C91-ABE9-63956851F439}" srcOrd="0" destOrd="0" presId="urn:microsoft.com/office/officeart/2005/8/layout/vList4"/>
    <dgm:cxn modelId="{93C75C71-8E07-4E66-95A4-BC212E0CA0F3}" srcId="{C1390663-55BA-4A0A-A571-25839B7018FE}" destId="{C54E43F7-C84D-45C2-BC91-0C5ADF6799F5}" srcOrd="3" destOrd="0" parTransId="{B2E98766-2D75-4779-80E4-1AC4B9E5BD09}" sibTransId="{3FFCD5EE-BA30-4DCF-B77D-73FC7821BB70}"/>
    <dgm:cxn modelId="{8387DE54-CE90-4635-B71E-23B42CC63360}" srcId="{A3ECFD7D-9F61-4C56-AD5F-ABA0D53CBB78}" destId="{BD7A50CF-6B25-4346-8A65-D88C8900320D}" srcOrd="0" destOrd="0" parTransId="{4F58A522-B015-487D-B5C9-46C2E8D2CEE4}" sibTransId="{76F1D032-B480-452E-819C-D279C7FC3F4D}"/>
    <dgm:cxn modelId="{32A2AE80-2175-4B70-9488-4DF9003DF9EE}" type="presOf" srcId="{5DFEC22B-BE42-4625-9C76-DE036ECAFD11}" destId="{47D02C6A-C924-4B0D-A12F-8871EA2BF4AA}" srcOrd="1" destOrd="2" presId="urn:microsoft.com/office/officeart/2005/8/layout/vList4"/>
    <dgm:cxn modelId="{5A4B7C88-56B6-475E-B874-C10515644015}" type="presOf" srcId="{BD7A50CF-6B25-4346-8A65-D88C8900320D}" destId="{B917E039-285C-47C5-A36F-8DEE8B54D8EE}" srcOrd="1" destOrd="1" presId="urn:microsoft.com/office/officeart/2005/8/layout/vList4"/>
    <dgm:cxn modelId="{6058EC88-A725-4ABB-AD81-A2B74AD7BED7}" type="presOf" srcId="{C54E43F7-C84D-45C2-BC91-0C5ADF6799F5}" destId="{2F43241B-1148-4890-B9F2-70AB0D33911D}" srcOrd="1" destOrd="4" presId="urn:microsoft.com/office/officeart/2005/8/layout/vList4"/>
    <dgm:cxn modelId="{A4B6C097-8691-4D1F-A627-EEEF8B1E7BC9}" type="presOf" srcId="{C54E43F7-C84D-45C2-BC91-0C5ADF6799F5}" destId="{88BD62BC-877D-4ECE-A0C2-6C02FF8E0622}" srcOrd="0" destOrd="4" presId="urn:microsoft.com/office/officeart/2005/8/layout/vList4"/>
    <dgm:cxn modelId="{1C68769E-E4D1-4014-93C1-ACCC757BEC4F}" type="presOf" srcId="{A35339F1-F877-4F31-BB2F-5C8D584D531D}" destId="{2F43241B-1148-4890-B9F2-70AB0D33911D}" srcOrd="1" destOrd="2" presId="urn:microsoft.com/office/officeart/2005/8/layout/vList4"/>
    <dgm:cxn modelId="{35BC3BA1-4297-4149-B54E-7E99D0807A8B}" type="presOf" srcId="{4B855F12-FDBF-4A84-A40B-B31A97D0B8E9}" destId="{4292566C-7C6F-48F4-A711-556101F9C92D}" srcOrd="0" destOrd="2" presId="urn:microsoft.com/office/officeart/2005/8/layout/vList4"/>
    <dgm:cxn modelId="{C3A960A9-9B3B-4EF6-9EAA-5E2DC3F900B1}" type="presOf" srcId="{A3ECFD7D-9F61-4C56-AD5F-ABA0D53CBB78}" destId="{4292566C-7C6F-48F4-A711-556101F9C92D}" srcOrd="0" destOrd="0" presId="urn:microsoft.com/office/officeart/2005/8/layout/vList4"/>
    <dgm:cxn modelId="{7C8D02B3-5A5A-4E8C-A7CA-4EA97D99A530}" type="presOf" srcId="{53F01E54-7882-4D09-8DA1-474A93D6228F}" destId="{2F43241B-1148-4890-B9F2-70AB0D33911D}" srcOrd="1" destOrd="3" presId="urn:microsoft.com/office/officeart/2005/8/layout/vList4"/>
    <dgm:cxn modelId="{BE45C1B5-553B-4186-89AA-C68AD4AE56C6}" srcId="{A3ECFD7D-9F61-4C56-AD5F-ABA0D53CBB78}" destId="{4B855F12-FDBF-4A84-A40B-B31A97D0B8E9}" srcOrd="1" destOrd="0" parTransId="{808C2A23-BEF9-4B91-9A80-3376A04B9C33}" sibTransId="{EDCB88DD-B9CF-4FA7-A456-CB5A8F752655}"/>
    <dgm:cxn modelId="{CA6445BD-E3E7-40BE-AE58-D87B089C9E8D}" type="presOf" srcId="{C4C7F42F-3E02-4D02-AED6-C71335DC2F8F}" destId="{47D02C6A-C924-4B0D-A12F-8871EA2BF4AA}" srcOrd="1" destOrd="0" presId="urn:microsoft.com/office/officeart/2005/8/layout/vList4"/>
    <dgm:cxn modelId="{1BD385C5-E30A-4EA4-BE77-0BC171E1252D}" type="presOf" srcId="{BD7A50CF-6B25-4346-8A65-D88C8900320D}" destId="{4292566C-7C6F-48F4-A711-556101F9C92D}" srcOrd="0" destOrd="1" presId="urn:microsoft.com/office/officeart/2005/8/layout/vList4"/>
    <dgm:cxn modelId="{24F71BC8-2B6A-4F17-9D6F-2ACD03CA112B}" srcId="{C4C7F42F-3E02-4D02-AED6-C71335DC2F8F}" destId="{0D93E60D-73A1-47EB-A747-66F7FA70DA8F}" srcOrd="0" destOrd="0" parTransId="{94E83096-2C5B-4466-B68E-EB9BC8D3F034}" sibTransId="{C29C06FB-045F-416B-B767-AB5628FD8720}"/>
    <dgm:cxn modelId="{E5E23BCF-15CA-4321-8698-03809EF4C364}" srcId="{938BD2D5-CFD7-41B5-9886-FC2D2FB93A9E}" destId="{C1390663-55BA-4A0A-A571-25839B7018FE}" srcOrd="2" destOrd="0" parTransId="{5834AED8-D20A-4D4E-B150-09CCF91A8934}" sibTransId="{495A0ECB-4480-4E89-B7BF-EBC38B3E23D4}"/>
    <dgm:cxn modelId="{920D21D1-AFD6-4940-BD07-F52C0E51B3BA}" type="presOf" srcId="{4B855F12-FDBF-4A84-A40B-B31A97D0B8E9}" destId="{B917E039-285C-47C5-A36F-8DEE8B54D8EE}" srcOrd="1" destOrd="2" presId="urn:microsoft.com/office/officeart/2005/8/layout/vList4"/>
    <dgm:cxn modelId="{F3DDB2D2-5484-4C30-A640-A26E65BA24D7}" type="presOf" srcId="{A35339F1-F877-4F31-BB2F-5C8D584D531D}" destId="{88BD62BC-877D-4ECE-A0C2-6C02FF8E0622}" srcOrd="0" destOrd="2" presId="urn:microsoft.com/office/officeart/2005/8/layout/vList4"/>
    <dgm:cxn modelId="{626C7FD6-ADE0-45BE-8295-24F51383C66D}" srcId="{C4C7F42F-3E02-4D02-AED6-C71335DC2F8F}" destId="{5DFEC22B-BE42-4625-9C76-DE036ECAFD11}" srcOrd="1" destOrd="0" parTransId="{6892907D-5067-4FB0-BEFC-284AB05018A4}" sibTransId="{B69CBD3F-A7AE-4CB1-80F6-7B4A86A3B24C}"/>
    <dgm:cxn modelId="{8E8799E4-AFB6-4A80-8BCA-0A7409E78B62}" srcId="{938BD2D5-CFD7-41B5-9886-FC2D2FB93A9E}" destId="{C4C7F42F-3E02-4D02-AED6-C71335DC2F8F}" srcOrd="0" destOrd="0" parTransId="{35C730DE-B2FE-42F0-B499-288AAA54E35D}" sibTransId="{696F9AB3-D716-4C4D-A4D5-2873FE2C6E05}"/>
    <dgm:cxn modelId="{72AEC7E4-0BF9-4B34-BBDF-7893E45EB089}" srcId="{C1390663-55BA-4A0A-A571-25839B7018FE}" destId="{A35339F1-F877-4F31-BB2F-5C8D584D531D}" srcOrd="1" destOrd="0" parTransId="{FF0A1681-FC80-46FE-871F-B36FA000FFB9}" sibTransId="{64E98016-B065-498E-A35F-DFEDE38BFCCB}"/>
    <dgm:cxn modelId="{D3EB8DEB-0381-4439-A6CF-65D2561EE8CF}" srcId="{C1390663-55BA-4A0A-A571-25839B7018FE}" destId="{53F01E54-7882-4D09-8DA1-474A93D6228F}" srcOrd="2" destOrd="0" parTransId="{CEA24DE2-E3BD-4048-84D9-26C56C52950F}" sibTransId="{E0F9AFFD-68BF-4495-AA2B-B2CC61712352}"/>
    <dgm:cxn modelId="{C840EEEE-F27C-4305-8131-FFEEF5D389BA}" type="presOf" srcId="{5DFEC22B-BE42-4625-9C76-DE036ECAFD11}" destId="{A910462B-50BF-4C91-ABE9-63956851F439}" srcOrd="0" destOrd="2" presId="urn:microsoft.com/office/officeart/2005/8/layout/vList4"/>
    <dgm:cxn modelId="{0D8AC7EF-53EF-48EA-80EC-21AD7D8EB34A}" srcId="{C1390663-55BA-4A0A-A571-25839B7018FE}" destId="{D4EBC369-3927-43F7-9E03-516B06FE001C}" srcOrd="0" destOrd="0" parTransId="{C590FD53-1E9F-470E-9511-6FE8CBBAF7F0}" sibTransId="{D34889B6-16BA-4EDD-A0CF-5AC8D17EFA63}"/>
    <dgm:cxn modelId="{B8C97EF4-69C9-420D-9559-AE9C50C47D76}" type="presOf" srcId="{D4EBC369-3927-43F7-9E03-516B06FE001C}" destId="{2F43241B-1148-4890-B9F2-70AB0D33911D}" srcOrd="1" destOrd="1" presId="urn:microsoft.com/office/officeart/2005/8/layout/vList4"/>
    <dgm:cxn modelId="{49FA60FB-B8E3-4AA4-9176-8297629B4B22}" type="presOf" srcId="{A3ECFD7D-9F61-4C56-AD5F-ABA0D53CBB78}" destId="{B917E039-285C-47C5-A36F-8DEE8B54D8EE}" srcOrd="1" destOrd="0" presId="urn:microsoft.com/office/officeart/2005/8/layout/vList4"/>
    <dgm:cxn modelId="{270A83FF-A34D-4679-A354-A7F2B913839F}" srcId="{938BD2D5-CFD7-41B5-9886-FC2D2FB93A9E}" destId="{A3ECFD7D-9F61-4C56-AD5F-ABA0D53CBB78}" srcOrd="1" destOrd="0" parTransId="{80D99D45-D2B1-491F-BB53-D0115633FCFE}" sibTransId="{46731058-ED42-487F-AAF0-0F47EE26C765}"/>
    <dgm:cxn modelId="{A68A1517-486C-45DB-A7F2-2B85625EA27A}" type="presParOf" srcId="{89BB13F7-F2E1-4C55-AAE5-B2E59246C119}" destId="{2419D153-838A-4138-B599-61007AA24E52}" srcOrd="0" destOrd="0" presId="urn:microsoft.com/office/officeart/2005/8/layout/vList4"/>
    <dgm:cxn modelId="{B2205994-7A58-4918-B9D5-49210BF3CDF1}" type="presParOf" srcId="{2419D153-838A-4138-B599-61007AA24E52}" destId="{A910462B-50BF-4C91-ABE9-63956851F439}" srcOrd="0" destOrd="0" presId="urn:microsoft.com/office/officeart/2005/8/layout/vList4"/>
    <dgm:cxn modelId="{771606D5-28B6-4B98-808B-91A4BE5E8D13}" type="presParOf" srcId="{2419D153-838A-4138-B599-61007AA24E52}" destId="{031CC343-DFB9-42A0-9803-2EE88526FD69}" srcOrd="1" destOrd="0" presId="urn:microsoft.com/office/officeart/2005/8/layout/vList4"/>
    <dgm:cxn modelId="{78DB8F13-CA64-4F98-9CEB-09442D021710}" type="presParOf" srcId="{2419D153-838A-4138-B599-61007AA24E52}" destId="{47D02C6A-C924-4B0D-A12F-8871EA2BF4AA}" srcOrd="2" destOrd="0" presId="urn:microsoft.com/office/officeart/2005/8/layout/vList4"/>
    <dgm:cxn modelId="{3A97FE4A-9924-4153-9792-4216FE755BCE}" type="presParOf" srcId="{89BB13F7-F2E1-4C55-AAE5-B2E59246C119}" destId="{7185BC5C-988E-4A29-9706-91C92CF06BB3}" srcOrd="1" destOrd="0" presId="urn:microsoft.com/office/officeart/2005/8/layout/vList4"/>
    <dgm:cxn modelId="{79616451-BE10-4825-A056-C7A7812A95E1}" type="presParOf" srcId="{89BB13F7-F2E1-4C55-AAE5-B2E59246C119}" destId="{9D9E1163-F7C5-4B1E-B35A-B7DDBC639412}" srcOrd="2" destOrd="0" presId="urn:microsoft.com/office/officeart/2005/8/layout/vList4"/>
    <dgm:cxn modelId="{96DC7F18-7E6B-468F-9192-FACD9A861D3F}" type="presParOf" srcId="{9D9E1163-F7C5-4B1E-B35A-B7DDBC639412}" destId="{4292566C-7C6F-48F4-A711-556101F9C92D}" srcOrd="0" destOrd="0" presId="urn:microsoft.com/office/officeart/2005/8/layout/vList4"/>
    <dgm:cxn modelId="{425782F3-BF8B-464F-853B-15AD23BC388A}" type="presParOf" srcId="{9D9E1163-F7C5-4B1E-B35A-B7DDBC639412}" destId="{0EE574F7-39D3-4FF2-9BC2-837C11F4DBC3}" srcOrd="1" destOrd="0" presId="urn:microsoft.com/office/officeart/2005/8/layout/vList4"/>
    <dgm:cxn modelId="{6BAF1306-EF6B-4296-B140-639811E8F333}" type="presParOf" srcId="{9D9E1163-F7C5-4B1E-B35A-B7DDBC639412}" destId="{B917E039-285C-47C5-A36F-8DEE8B54D8EE}" srcOrd="2" destOrd="0" presId="urn:microsoft.com/office/officeart/2005/8/layout/vList4"/>
    <dgm:cxn modelId="{E1A3D573-F9EF-41C2-AFE1-6278A68AA177}" type="presParOf" srcId="{89BB13F7-F2E1-4C55-AAE5-B2E59246C119}" destId="{36C87CD5-AC6C-4549-8B0D-FF6EAE7AA61C}" srcOrd="3" destOrd="0" presId="urn:microsoft.com/office/officeart/2005/8/layout/vList4"/>
    <dgm:cxn modelId="{74EF0A68-3EE0-4E53-8AB8-AA3832C1C960}" type="presParOf" srcId="{89BB13F7-F2E1-4C55-AAE5-B2E59246C119}" destId="{5D92647D-7178-4220-99C6-77FC43C182CD}" srcOrd="4" destOrd="0" presId="urn:microsoft.com/office/officeart/2005/8/layout/vList4"/>
    <dgm:cxn modelId="{75E5A106-3B7B-4CEC-BC78-B964FDF5881A}" type="presParOf" srcId="{5D92647D-7178-4220-99C6-77FC43C182CD}" destId="{88BD62BC-877D-4ECE-A0C2-6C02FF8E0622}" srcOrd="0" destOrd="0" presId="urn:microsoft.com/office/officeart/2005/8/layout/vList4"/>
    <dgm:cxn modelId="{15F37083-BCEE-418A-9A9E-141078DCA1DF}" type="presParOf" srcId="{5D92647D-7178-4220-99C6-77FC43C182CD}" destId="{101932DD-1829-4188-90D6-8619CD773F6C}" srcOrd="1" destOrd="0" presId="urn:microsoft.com/office/officeart/2005/8/layout/vList4"/>
    <dgm:cxn modelId="{E1A71762-987C-4A29-BA65-810166BE79D2}" type="presParOf" srcId="{5D92647D-7178-4220-99C6-77FC43C182CD}" destId="{2F43241B-1148-4890-B9F2-70AB0D33911D}" srcOrd="2" destOrd="0" presId="urn:microsoft.com/office/officeart/2005/8/layout/vList4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ata8.xml><?xml version="1.0" encoding="utf-8"?>
<dgm:dataModel xmlns:dgm="http://schemas.openxmlformats.org/drawingml/2006/diagram" xmlns:a="http://schemas.openxmlformats.org/drawingml/2006/main">
  <dgm:ptLst>
    <dgm:pt modelId="{938BD2D5-CFD7-41B5-9886-FC2D2FB93A9E}" type="doc">
      <dgm:prSet loTypeId="urn:microsoft.com/office/officeart/2005/8/layout/vList4" loCatId="list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de-DE"/>
        </a:p>
      </dgm:t>
    </dgm:pt>
    <dgm:pt modelId="{C4C7F42F-3E02-4D02-AED6-C71335DC2F8F}">
      <dgm:prSet phldrT="[Text]"/>
      <dgm:spPr/>
      <dgm:t>
        <a:bodyPr/>
        <a:lstStyle/>
        <a:p>
          <a:r>
            <a:rPr lang="de-DE" sz="2200" dirty="0"/>
            <a:t>Wassertrupp</a:t>
          </a:r>
        </a:p>
      </dgm:t>
    </dgm:pt>
    <dgm:pt modelId="{35C730DE-B2FE-42F0-B499-288AAA54E35D}" type="parTrans" cxnId="{8E8799E4-AFB6-4A80-8BCA-0A7409E78B62}">
      <dgm:prSet/>
      <dgm:spPr/>
      <dgm:t>
        <a:bodyPr/>
        <a:lstStyle/>
        <a:p>
          <a:endParaRPr lang="de-DE"/>
        </a:p>
      </dgm:t>
    </dgm:pt>
    <dgm:pt modelId="{696F9AB3-D716-4C4D-A4D5-2873FE2C6E05}" type="sibTrans" cxnId="{8E8799E4-AFB6-4A80-8BCA-0A7409E78B62}">
      <dgm:prSet/>
      <dgm:spPr/>
      <dgm:t>
        <a:bodyPr/>
        <a:lstStyle/>
        <a:p>
          <a:endParaRPr lang="de-DE"/>
        </a:p>
      </dgm:t>
    </dgm:pt>
    <dgm:pt modelId="{0D93E60D-73A1-47EB-A747-66F7FA70DA8F}">
      <dgm:prSet phldrT="[Text]" custT="1"/>
      <dgm:spPr/>
      <dgm:t>
        <a:bodyPr/>
        <a:lstStyle/>
        <a:p>
          <a:r>
            <a:rPr lang="de-DE" sz="1700" dirty="0"/>
            <a:t>Handlampe</a:t>
          </a:r>
        </a:p>
      </dgm:t>
    </dgm:pt>
    <dgm:pt modelId="{94E83096-2C5B-4466-B68E-EB9BC8D3F034}" type="parTrans" cxnId="{24F71BC8-2B6A-4F17-9D6F-2ACD03CA112B}">
      <dgm:prSet/>
      <dgm:spPr/>
      <dgm:t>
        <a:bodyPr/>
        <a:lstStyle/>
        <a:p>
          <a:endParaRPr lang="de-DE"/>
        </a:p>
      </dgm:t>
    </dgm:pt>
    <dgm:pt modelId="{C29C06FB-045F-416B-B767-AB5628FD8720}" type="sibTrans" cxnId="{24F71BC8-2B6A-4F17-9D6F-2ACD03CA112B}">
      <dgm:prSet/>
      <dgm:spPr/>
      <dgm:t>
        <a:bodyPr/>
        <a:lstStyle/>
        <a:p>
          <a:endParaRPr lang="de-DE"/>
        </a:p>
      </dgm:t>
    </dgm:pt>
    <dgm:pt modelId="{5DFEC22B-BE42-4625-9C76-DE036ECAFD11}">
      <dgm:prSet phldrT="[Text]" custT="1"/>
      <dgm:spPr/>
      <dgm:t>
        <a:bodyPr/>
        <a:lstStyle/>
        <a:p>
          <a:r>
            <a:rPr lang="de-DE" sz="1700" dirty="0"/>
            <a:t>Funkgerät</a:t>
          </a:r>
        </a:p>
      </dgm:t>
    </dgm:pt>
    <dgm:pt modelId="{6892907D-5067-4FB0-BEFC-284AB05018A4}" type="parTrans" cxnId="{626C7FD6-ADE0-45BE-8295-24F51383C66D}">
      <dgm:prSet/>
      <dgm:spPr/>
      <dgm:t>
        <a:bodyPr/>
        <a:lstStyle/>
        <a:p>
          <a:endParaRPr lang="de-DE"/>
        </a:p>
      </dgm:t>
    </dgm:pt>
    <dgm:pt modelId="{B69CBD3F-A7AE-4CB1-80F6-7B4A86A3B24C}" type="sibTrans" cxnId="{626C7FD6-ADE0-45BE-8295-24F51383C66D}">
      <dgm:prSet/>
      <dgm:spPr/>
      <dgm:t>
        <a:bodyPr/>
        <a:lstStyle/>
        <a:p>
          <a:endParaRPr lang="de-DE"/>
        </a:p>
      </dgm:t>
    </dgm:pt>
    <dgm:pt modelId="{A3ECFD7D-9F61-4C56-AD5F-ABA0D53CBB78}">
      <dgm:prSet phldrT="[Text]"/>
      <dgm:spPr/>
      <dgm:t>
        <a:bodyPr/>
        <a:lstStyle/>
        <a:p>
          <a:r>
            <a:rPr lang="de-DE" sz="2200" dirty="0"/>
            <a:t>Schlauchtrupp</a:t>
          </a:r>
        </a:p>
      </dgm:t>
    </dgm:pt>
    <dgm:pt modelId="{80D99D45-D2B1-491F-BB53-D0115633FCFE}" type="parTrans" cxnId="{270A83FF-A34D-4679-A354-A7F2B913839F}">
      <dgm:prSet/>
      <dgm:spPr/>
      <dgm:t>
        <a:bodyPr/>
        <a:lstStyle/>
        <a:p>
          <a:endParaRPr lang="de-DE"/>
        </a:p>
      </dgm:t>
    </dgm:pt>
    <dgm:pt modelId="{46731058-ED42-487F-AAF0-0F47EE26C765}" type="sibTrans" cxnId="{270A83FF-A34D-4679-A354-A7F2B913839F}">
      <dgm:prSet/>
      <dgm:spPr/>
      <dgm:t>
        <a:bodyPr/>
        <a:lstStyle/>
        <a:p>
          <a:endParaRPr lang="de-DE"/>
        </a:p>
      </dgm:t>
    </dgm:pt>
    <dgm:pt modelId="{BD7A50CF-6B25-4346-8A65-D88C8900320D}">
      <dgm:prSet phldrT="[Text]" custT="1"/>
      <dgm:spPr/>
      <dgm:t>
        <a:bodyPr/>
        <a:lstStyle/>
        <a:p>
          <a:r>
            <a:rPr lang="de-DE" sz="1800" dirty="0"/>
            <a:t>Handlampe</a:t>
          </a:r>
        </a:p>
      </dgm:t>
    </dgm:pt>
    <dgm:pt modelId="{4F58A522-B015-487D-B5C9-46C2E8D2CEE4}" type="parTrans" cxnId="{8387DE54-CE90-4635-B71E-23B42CC63360}">
      <dgm:prSet/>
      <dgm:spPr/>
      <dgm:t>
        <a:bodyPr/>
        <a:lstStyle/>
        <a:p>
          <a:endParaRPr lang="de-DE"/>
        </a:p>
      </dgm:t>
    </dgm:pt>
    <dgm:pt modelId="{76F1D032-B480-452E-819C-D279C7FC3F4D}" type="sibTrans" cxnId="{8387DE54-CE90-4635-B71E-23B42CC63360}">
      <dgm:prSet/>
      <dgm:spPr/>
      <dgm:t>
        <a:bodyPr/>
        <a:lstStyle/>
        <a:p>
          <a:endParaRPr lang="de-DE"/>
        </a:p>
      </dgm:t>
    </dgm:pt>
    <dgm:pt modelId="{4B855F12-FDBF-4A84-A40B-B31A97D0B8E9}">
      <dgm:prSet phldrT="[Text]" custT="1"/>
      <dgm:spPr/>
      <dgm:t>
        <a:bodyPr/>
        <a:lstStyle/>
        <a:p>
          <a:r>
            <a:rPr lang="de-DE" sz="1800" dirty="0"/>
            <a:t>Funkgerät</a:t>
          </a:r>
        </a:p>
      </dgm:t>
    </dgm:pt>
    <dgm:pt modelId="{808C2A23-BEF9-4B91-9A80-3376A04B9C33}" type="parTrans" cxnId="{BE45C1B5-553B-4186-89AA-C68AD4AE56C6}">
      <dgm:prSet/>
      <dgm:spPr/>
      <dgm:t>
        <a:bodyPr/>
        <a:lstStyle/>
        <a:p>
          <a:endParaRPr lang="de-DE"/>
        </a:p>
      </dgm:t>
    </dgm:pt>
    <dgm:pt modelId="{EDCB88DD-B9CF-4FA7-A456-CB5A8F752655}" type="sibTrans" cxnId="{BE45C1B5-553B-4186-89AA-C68AD4AE56C6}">
      <dgm:prSet/>
      <dgm:spPr/>
      <dgm:t>
        <a:bodyPr/>
        <a:lstStyle/>
        <a:p>
          <a:endParaRPr lang="de-DE"/>
        </a:p>
      </dgm:t>
    </dgm:pt>
    <dgm:pt modelId="{C1DACD48-9811-40A4-B249-B30E212C336C}">
      <dgm:prSet phldrT="[Text]" custT="1"/>
      <dgm:spPr/>
      <dgm:t>
        <a:bodyPr/>
        <a:lstStyle/>
        <a:p>
          <a:r>
            <a:rPr lang="de-DE" sz="1700" dirty="0"/>
            <a:t>Warndreieck, Warnleuchte, Verkehrsleitkegel</a:t>
          </a:r>
        </a:p>
      </dgm:t>
    </dgm:pt>
    <dgm:pt modelId="{7E024F07-D896-41A3-BAAA-6267339EE9B2}" type="parTrans" cxnId="{A7FD6996-927E-4D20-A90A-7813F810A2D8}">
      <dgm:prSet/>
      <dgm:spPr/>
      <dgm:t>
        <a:bodyPr/>
        <a:lstStyle/>
        <a:p>
          <a:endParaRPr lang="de-DE"/>
        </a:p>
      </dgm:t>
    </dgm:pt>
    <dgm:pt modelId="{57DB057E-7C2F-4AD0-AE1E-5F621C554791}" type="sibTrans" cxnId="{A7FD6996-927E-4D20-A90A-7813F810A2D8}">
      <dgm:prSet/>
      <dgm:spPr/>
      <dgm:t>
        <a:bodyPr/>
        <a:lstStyle/>
        <a:p>
          <a:endParaRPr lang="de-DE"/>
        </a:p>
      </dgm:t>
    </dgm:pt>
    <dgm:pt modelId="{9E48379F-A009-4586-BD88-68B58B44A70C}">
      <dgm:prSet phldrT="[Text]" custT="1"/>
      <dgm:spPr/>
      <dgm:t>
        <a:bodyPr/>
        <a:lstStyle/>
        <a:p>
          <a:r>
            <a:rPr lang="de-DE" sz="1700" dirty="0"/>
            <a:t>Pulverlöscher, CO2-Löscher, Schnellangriffsrohr, C-Rohr, Schaum</a:t>
          </a:r>
        </a:p>
      </dgm:t>
    </dgm:pt>
    <dgm:pt modelId="{11F6555C-E890-431D-9FB8-07D1247A7868}" type="parTrans" cxnId="{36DF75C1-4B6A-403A-8D80-B0E612F195C6}">
      <dgm:prSet/>
      <dgm:spPr/>
      <dgm:t>
        <a:bodyPr/>
        <a:lstStyle/>
        <a:p>
          <a:endParaRPr lang="de-DE"/>
        </a:p>
      </dgm:t>
    </dgm:pt>
    <dgm:pt modelId="{3339EE20-B868-47A5-A18D-09B037445291}" type="sibTrans" cxnId="{36DF75C1-4B6A-403A-8D80-B0E612F195C6}">
      <dgm:prSet/>
      <dgm:spPr/>
      <dgm:t>
        <a:bodyPr/>
        <a:lstStyle/>
        <a:p>
          <a:endParaRPr lang="de-DE"/>
        </a:p>
      </dgm:t>
    </dgm:pt>
    <dgm:pt modelId="{C6BAC4A7-541D-43AF-987D-4C11199019FF}">
      <dgm:prSet phldrT="[Text]" custT="1"/>
      <dgm:spPr/>
      <dgm:t>
        <a:bodyPr/>
        <a:lstStyle/>
        <a:p>
          <a:r>
            <a:rPr lang="de-DE" sz="1700" dirty="0"/>
            <a:t>Flutlichtstrahler, Stativ, Abzweigstück, Leitungsroller, etc.</a:t>
          </a:r>
        </a:p>
      </dgm:t>
    </dgm:pt>
    <dgm:pt modelId="{819A6DB0-9396-4B50-BDBA-D58666E6ED8E}" type="parTrans" cxnId="{589CC15C-8F06-4D44-BE52-A0164623A1B0}">
      <dgm:prSet/>
      <dgm:spPr/>
      <dgm:t>
        <a:bodyPr/>
        <a:lstStyle/>
        <a:p>
          <a:endParaRPr lang="de-DE"/>
        </a:p>
      </dgm:t>
    </dgm:pt>
    <dgm:pt modelId="{47254853-4E4B-46C0-99F1-615E1B5A570C}" type="sibTrans" cxnId="{589CC15C-8F06-4D44-BE52-A0164623A1B0}">
      <dgm:prSet/>
      <dgm:spPr/>
      <dgm:t>
        <a:bodyPr/>
        <a:lstStyle/>
        <a:p>
          <a:endParaRPr lang="de-DE"/>
        </a:p>
      </dgm:t>
    </dgm:pt>
    <dgm:pt modelId="{7BB30AB6-34C9-4804-AF95-517F6E8066E5}">
      <dgm:prSet phldrT="[Text]"/>
      <dgm:spPr/>
      <dgm:t>
        <a:bodyPr/>
        <a:lstStyle/>
        <a:p>
          <a:endParaRPr lang="de-DE" sz="1700" dirty="0"/>
        </a:p>
      </dgm:t>
    </dgm:pt>
    <dgm:pt modelId="{4D37A26D-0853-4ED1-A082-5A1B34BDBD66}" type="parTrans" cxnId="{9339AC54-5225-486B-8C29-69556E25D9D3}">
      <dgm:prSet/>
      <dgm:spPr/>
      <dgm:t>
        <a:bodyPr/>
        <a:lstStyle/>
        <a:p>
          <a:endParaRPr lang="de-DE"/>
        </a:p>
      </dgm:t>
    </dgm:pt>
    <dgm:pt modelId="{DA9B90B8-DB92-4C76-AE5F-B62F96CC7FC5}" type="sibTrans" cxnId="{9339AC54-5225-486B-8C29-69556E25D9D3}">
      <dgm:prSet/>
      <dgm:spPr/>
      <dgm:t>
        <a:bodyPr/>
        <a:lstStyle/>
        <a:p>
          <a:endParaRPr lang="de-DE"/>
        </a:p>
      </dgm:t>
    </dgm:pt>
    <dgm:pt modelId="{875C02D3-F721-47AC-9994-16EA0FA1C24E}">
      <dgm:prSet phldrT="[Text]" custT="1"/>
      <dgm:spPr/>
      <dgm:t>
        <a:bodyPr/>
        <a:lstStyle/>
        <a:p>
          <a:r>
            <a:rPr lang="de-DE" sz="1800" dirty="0"/>
            <a:t>Krankentransporttrage</a:t>
          </a:r>
        </a:p>
      </dgm:t>
    </dgm:pt>
    <dgm:pt modelId="{CC0A9271-3CC0-4C1E-9AEE-FC011DE048FB}" type="parTrans" cxnId="{2854F532-9E59-482A-B150-9592D1C42F80}">
      <dgm:prSet/>
      <dgm:spPr/>
      <dgm:t>
        <a:bodyPr/>
        <a:lstStyle/>
        <a:p>
          <a:endParaRPr lang="de-DE"/>
        </a:p>
      </dgm:t>
    </dgm:pt>
    <dgm:pt modelId="{B978B8E9-6455-4251-8AD9-0CA01EF0C0A4}" type="sibTrans" cxnId="{2854F532-9E59-482A-B150-9592D1C42F80}">
      <dgm:prSet/>
      <dgm:spPr/>
      <dgm:t>
        <a:bodyPr/>
        <a:lstStyle/>
        <a:p>
          <a:endParaRPr lang="de-DE"/>
        </a:p>
      </dgm:t>
    </dgm:pt>
    <dgm:pt modelId="{DF677890-EA86-4BC8-897E-8DD5048BA660}">
      <dgm:prSet phldrT="[Text]" custT="1"/>
      <dgm:spPr/>
      <dgm:t>
        <a:bodyPr/>
        <a:lstStyle/>
        <a:p>
          <a:r>
            <a:rPr lang="de-DE" sz="1800" dirty="0"/>
            <a:t>Weitere Erste-Hilfe-Ausrüstung </a:t>
          </a:r>
        </a:p>
      </dgm:t>
    </dgm:pt>
    <dgm:pt modelId="{C298B5E1-0926-4BB9-BBAA-00076E7C8F99}" type="parTrans" cxnId="{0DC57663-4273-4490-B32C-17CD06AB7101}">
      <dgm:prSet/>
      <dgm:spPr/>
      <dgm:t>
        <a:bodyPr/>
        <a:lstStyle/>
        <a:p>
          <a:endParaRPr lang="de-DE"/>
        </a:p>
      </dgm:t>
    </dgm:pt>
    <dgm:pt modelId="{291E905F-5ABA-41E1-B67D-E578974FBC33}" type="sibTrans" cxnId="{0DC57663-4273-4490-B32C-17CD06AB7101}">
      <dgm:prSet/>
      <dgm:spPr/>
      <dgm:t>
        <a:bodyPr/>
        <a:lstStyle/>
        <a:p>
          <a:endParaRPr lang="de-DE"/>
        </a:p>
      </dgm:t>
    </dgm:pt>
    <dgm:pt modelId="{89BB13F7-F2E1-4C55-AAE5-B2E59246C119}" type="pres">
      <dgm:prSet presAssocID="{938BD2D5-CFD7-41B5-9886-FC2D2FB93A9E}" presName="linear" presStyleCnt="0">
        <dgm:presLayoutVars>
          <dgm:dir/>
          <dgm:resizeHandles val="exact"/>
        </dgm:presLayoutVars>
      </dgm:prSet>
      <dgm:spPr/>
    </dgm:pt>
    <dgm:pt modelId="{2419D153-838A-4138-B599-61007AA24E52}" type="pres">
      <dgm:prSet presAssocID="{C4C7F42F-3E02-4D02-AED6-C71335DC2F8F}" presName="comp" presStyleCnt="0"/>
      <dgm:spPr/>
    </dgm:pt>
    <dgm:pt modelId="{A910462B-50BF-4C91-ABE9-63956851F439}" type="pres">
      <dgm:prSet presAssocID="{C4C7F42F-3E02-4D02-AED6-C71335DC2F8F}" presName="box" presStyleLbl="node1" presStyleIdx="0" presStyleCnt="2" custScaleY="91485"/>
      <dgm:spPr/>
    </dgm:pt>
    <dgm:pt modelId="{031CC343-DFB9-42A0-9803-2EE88526FD69}" type="pres">
      <dgm:prSet presAssocID="{C4C7F42F-3E02-4D02-AED6-C71335DC2F8F}" presName="img" presStyleLbl="fgImgPlace1" presStyleIdx="0" presStyleCnt="2"/>
      <dgm:spPr>
        <a:blipFill dpi="0" rotWithShape="1"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11242" t="-3333" r="-11242" b="-3333"/>
          </a:stretch>
        </a:blipFill>
      </dgm:spPr>
    </dgm:pt>
    <dgm:pt modelId="{47D02C6A-C924-4B0D-A12F-8871EA2BF4AA}" type="pres">
      <dgm:prSet presAssocID="{C4C7F42F-3E02-4D02-AED6-C71335DC2F8F}" presName="text" presStyleLbl="node1" presStyleIdx="0" presStyleCnt="2">
        <dgm:presLayoutVars>
          <dgm:bulletEnabled val="1"/>
        </dgm:presLayoutVars>
      </dgm:prSet>
      <dgm:spPr/>
    </dgm:pt>
    <dgm:pt modelId="{7185BC5C-988E-4A29-9706-91C92CF06BB3}" type="pres">
      <dgm:prSet presAssocID="{696F9AB3-D716-4C4D-A4D5-2873FE2C6E05}" presName="spacer" presStyleCnt="0"/>
      <dgm:spPr/>
    </dgm:pt>
    <dgm:pt modelId="{9D9E1163-F7C5-4B1E-B35A-B7DDBC639412}" type="pres">
      <dgm:prSet presAssocID="{A3ECFD7D-9F61-4C56-AD5F-ABA0D53CBB78}" presName="comp" presStyleCnt="0"/>
      <dgm:spPr/>
    </dgm:pt>
    <dgm:pt modelId="{4292566C-7C6F-48F4-A711-556101F9C92D}" type="pres">
      <dgm:prSet presAssocID="{A3ECFD7D-9F61-4C56-AD5F-ABA0D53CBB78}" presName="box" presStyleLbl="node1" presStyleIdx="1" presStyleCnt="2" custLinFactNeighborY="924"/>
      <dgm:spPr/>
    </dgm:pt>
    <dgm:pt modelId="{0EE574F7-39D3-4FF2-9BC2-837C11F4DBC3}" type="pres">
      <dgm:prSet presAssocID="{A3ECFD7D-9F61-4C56-AD5F-ABA0D53CBB78}" presName="img" presStyleLbl="fgImgPlace1" presStyleIdx="1" presStyleCnt="2"/>
      <dgm:spPr>
        <a:blipFill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14000" r="-14000"/>
          </a:stretch>
        </a:blipFill>
      </dgm:spPr>
    </dgm:pt>
    <dgm:pt modelId="{B917E039-285C-47C5-A36F-8DEE8B54D8EE}" type="pres">
      <dgm:prSet presAssocID="{A3ECFD7D-9F61-4C56-AD5F-ABA0D53CBB78}" presName="text" presStyleLbl="node1" presStyleIdx="1" presStyleCnt="2">
        <dgm:presLayoutVars>
          <dgm:bulletEnabled val="1"/>
        </dgm:presLayoutVars>
      </dgm:prSet>
      <dgm:spPr/>
    </dgm:pt>
  </dgm:ptLst>
  <dgm:cxnLst>
    <dgm:cxn modelId="{D1188500-4150-4CE0-BC0C-3180EA8EEA0A}" type="presOf" srcId="{DF677890-EA86-4BC8-897E-8DD5048BA660}" destId="{4292566C-7C6F-48F4-A711-556101F9C92D}" srcOrd="0" destOrd="4" presId="urn:microsoft.com/office/officeart/2005/8/layout/vList4"/>
    <dgm:cxn modelId="{CE29CD01-CF56-43BA-96F9-9733515C4048}" type="presOf" srcId="{938BD2D5-CFD7-41B5-9886-FC2D2FB93A9E}" destId="{89BB13F7-F2E1-4C55-AAE5-B2E59246C119}" srcOrd="0" destOrd="0" presId="urn:microsoft.com/office/officeart/2005/8/layout/vList4"/>
    <dgm:cxn modelId="{3FC59E0B-6984-4881-976A-89EBB6F87A12}" type="presOf" srcId="{7BB30AB6-34C9-4804-AF95-517F6E8066E5}" destId="{B917E039-285C-47C5-A36F-8DEE8B54D8EE}" srcOrd="1" destOrd="5" presId="urn:microsoft.com/office/officeart/2005/8/layout/vList4"/>
    <dgm:cxn modelId="{20BB2617-143E-4E8B-96F6-CB99295EFFF0}" type="presOf" srcId="{C1DACD48-9811-40A4-B249-B30E212C336C}" destId="{A910462B-50BF-4C91-ABE9-63956851F439}" srcOrd="0" destOrd="3" presId="urn:microsoft.com/office/officeart/2005/8/layout/vList4"/>
    <dgm:cxn modelId="{859A101B-D919-4D9E-85F9-11C7F96ED142}" type="presOf" srcId="{0D93E60D-73A1-47EB-A747-66F7FA70DA8F}" destId="{A910462B-50BF-4C91-ABE9-63956851F439}" srcOrd="0" destOrd="1" presId="urn:microsoft.com/office/officeart/2005/8/layout/vList4"/>
    <dgm:cxn modelId="{12736426-C289-4DFE-9C32-AE843C56428F}" type="presOf" srcId="{0D93E60D-73A1-47EB-A747-66F7FA70DA8F}" destId="{47D02C6A-C924-4B0D-A12F-8871EA2BF4AA}" srcOrd="1" destOrd="1" presId="urn:microsoft.com/office/officeart/2005/8/layout/vList4"/>
    <dgm:cxn modelId="{2854F532-9E59-482A-B150-9592D1C42F80}" srcId="{A3ECFD7D-9F61-4C56-AD5F-ABA0D53CBB78}" destId="{875C02D3-F721-47AC-9994-16EA0FA1C24E}" srcOrd="2" destOrd="0" parTransId="{CC0A9271-3CC0-4C1E-9AEE-FC011DE048FB}" sibTransId="{B978B8E9-6455-4251-8AD9-0CA01EF0C0A4}"/>
    <dgm:cxn modelId="{977D305C-7F5A-4109-9201-B738B6CF2A0F}" type="presOf" srcId="{C4C7F42F-3E02-4D02-AED6-C71335DC2F8F}" destId="{A910462B-50BF-4C91-ABE9-63956851F439}" srcOrd="0" destOrd="0" presId="urn:microsoft.com/office/officeart/2005/8/layout/vList4"/>
    <dgm:cxn modelId="{589CC15C-8F06-4D44-BE52-A0164623A1B0}" srcId="{C4C7F42F-3E02-4D02-AED6-C71335DC2F8F}" destId="{C6BAC4A7-541D-43AF-987D-4C11199019FF}" srcOrd="4" destOrd="0" parTransId="{819A6DB0-9396-4B50-BDBA-D58666E6ED8E}" sibTransId="{47254853-4E4B-46C0-99F1-615E1B5A570C}"/>
    <dgm:cxn modelId="{B3C23F41-E409-445A-BA1C-CCC9D36EE706}" type="presOf" srcId="{9E48379F-A009-4586-BD88-68B58B44A70C}" destId="{47D02C6A-C924-4B0D-A12F-8871EA2BF4AA}" srcOrd="1" destOrd="4" presId="urn:microsoft.com/office/officeart/2005/8/layout/vList4"/>
    <dgm:cxn modelId="{0DC57663-4273-4490-B32C-17CD06AB7101}" srcId="{A3ECFD7D-9F61-4C56-AD5F-ABA0D53CBB78}" destId="{DF677890-EA86-4BC8-897E-8DD5048BA660}" srcOrd="3" destOrd="0" parTransId="{C298B5E1-0926-4BB9-BBAA-00076E7C8F99}" sibTransId="{291E905F-5ABA-41E1-B67D-E578974FBC33}"/>
    <dgm:cxn modelId="{26DFFF47-8DA1-452B-852C-C80F1A102C47}" type="presOf" srcId="{C6BAC4A7-541D-43AF-987D-4C11199019FF}" destId="{47D02C6A-C924-4B0D-A12F-8871EA2BF4AA}" srcOrd="1" destOrd="5" presId="urn:microsoft.com/office/officeart/2005/8/layout/vList4"/>
    <dgm:cxn modelId="{2423806F-E568-45C0-AA09-7EE8C83AB413}" type="presOf" srcId="{9E48379F-A009-4586-BD88-68B58B44A70C}" destId="{A910462B-50BF-4C91-ABE9-63956851F439}" srcOrd="0" destOrd="4" presId="urn:microsoft.com/office/officeart/2005/8/layout/vList4"/>
    <dgm:cxn modelId="{9339AC54-5225-486B-8C29-69556E25D9D3}" srcId="{A3ECFD7D-9F61-4C56-AD5F-ABA0D53CBB78}" destId="{7BB30AB6-34C9-4804-AF95-517F6E8066E5}" srcOrd="4" destOrd="0" parTransId="{4D37A26D-0853-4ED1-A082-5A1B34BDBD66}" sibTransId="{DA9B90B8-DB92-4C76-AE5F-B62F96CC7FC5}"/>
    <dgm:cxn modelId="{8387DE54-CE90-4635-B71E-23B42CC63360}" srcId="{A3ECFD7D-9F61-4C56-AD5F-ABA0D53CBB78}" destId="{BD7A50CF-6B25-4346-8A65-D88C8900320D}" srcOrd="0" destOrd="0" parTransId="{4F58A522-B015-487D-B5C9-46C2E8D2CEE4}" sibTransId="{76F1D032-B480-452E-819C-D279C7FC3F4D}"/>
    <dgm:cxn modelId="{7D6F087E-0D29-40C3-860B-EB339AAC52AC}" type="presOf" srcId="{875C02D3-F721-47AC-9994-16EA0FA1C24E}" destId="{B917E039-285C-47C5-A36F-8DEE8B54D8EE}" srcOrd="1" destOrd="3" presId="urn:microsoft.com/office/officeart/2005/8/layout/vList4"/>
    <dgm:cxn modelId="{32A2AE80-2175-4B70-9488-4DF9003DF9EE}" type="presOf" srcId="{5DFEC22B-BE42-4625-9C76-DE036ECAFD11}" destId="{47D02C6A-C924-4B0D-A12F-8871EA2BF4AA}" srcOrd="1" destOrd="2" presId="urn:microsoft.com/office/officeart/2005/8/layout/vList4"/>
    <dgm:cxn modelId="{5A4B7C88-56B6-475E-B874-C10515644015}" type="presOf" srcId="{BD7A50CF-6B25-4346-8A65-D88C8900320D}" destId="{B917E039-285C-47C5-A36F-8DEE8B54D8EE}" srcOrd="1" destOrd="1" presId="urn:microsoft.com/office/officeart/2005/8/layout/vList4"/>
    <dgm:cxn modelId="{A7FD6996-927E-4D20-A90A-7813F810A2D8}" srcId="{C4C7F42F-3E02-4D02-AED6-C71335DC2F8F}" destId="{C1DACD48-9811-40A4-B249-B30E212C336C}" srcOrd="2" destOrd="0" parTransId="{7E024F07-D896-41A3-BAAA-6267339EE9B2}" sibTransId="{57DB057E-7C2F-4AD0-AE1E-5F621C554791}"/>
    <dgm:cxn modelId="{8315B598-C5CF-4E56-B7DE-4E75079E48E3}" type="presOf" srcId="{7BB30AB6-34C9-4804-AF95-517F6E8066E5}" destId="{4292566C-7C6F-48F4-A711-556101F9C92D}" srcOrd="0" destOrd="5" presId="urn:microsoft.com/office/officeart/2005/8/layout/vList4"/>
    <dgm:cxn modelId="{35BC3BA1-4297-4149-B54E-7E99D0807A8B}" type="presOf" srcId="{4B855F12-FDBF-4A84-A40B-B31A97D0B8E9}" destId="{4292566C-7C6F-48F4-A711-556101F9C92D}" srcOrd="0" destOrd="2" presId="urn:microsoft.com/office/officeart/2005/8/layout/vList4"/>
    <dgm:cxn modelId="{418425A4-EEA1-48ED-A818-B595009113ED}" type="presOf" srcId="{875C02D3-F721-47AC-9994-16EA0FA1C24E}" destId="{4292566C-7C6F-48F4-A711-556101F9C92D}" srcOrd="0" destOrd="3" presId="urn:microsoft.com/office/officeart/2005/8/layout/vList4"/>
    <dgm:cxn modelId="{C3A960A9-9B3B-4EF6-9EAA-5E2DC3F900B1}" type="presOf" srcId="{A3ECFD7D-9F61-4C56-AD5F-ABA0D53CBB78}" destId="{4292566C-7C6F-48F4-A711-556101F9C92D}" srcOrd="0" destOrd="0" presId="urn:microsoft.com/office/officeart/2005/8/layout/vList4"/>
    <dgm:cxn modelId="{BE45C1B5-553B-4186-89AA-C68AD4AE56C6}" srcId="{A3ECFD7D-9F61-4C56-AD5F-ABA0D53CBB78}" destId="{4B855F12-FDBF-4A84-A40B-B31A97D0B8E9}" srcOrd="1" destOrd="0" parTransId="{808C2A23-BEF9-4B91-9A80-3376A04B9C33}" sibTransId="{EDCB88DD-B9CF-4FA7-A456-CB5A8F752655}"/>
    <dgm:cxn modelId="{CA6445BD-E3E7-40BE-AE58-D87B089C9E8D}" type="presOf" srcId="{C4C7F42F-3E02-4D02-AED6-C71335DC2F8F}" destId="{47D02C6A-C924-4B0D-A12F-8871EA2BF4AA}" srcOrd="1" destOrd="0" presId="urn:microsoft.com/office/officeart/2005/8/layout/vList4"/>
    <dgm:cxn modelId="{36DF75C1-4B6A-403A-8D80-B0E612F195C6}" srcId="{C4C7F42F-3E02-4D02-AED6-C71335DC2F8F}" destId="{9E48379F-A009-4586-BD88-68B58B44A70C}" srcOrd="3" destOrd="0" parTransId="{11F6555C-E890-431D-9FB8-07D1247A7868}" sibTransId="{3339EE20-B868-47A5-A18D-09B037445291}"/>
    <dgm:cxn modelId="{761197C3-521D-42DA-A214-93BFD2C73612}" type="presOf" srcId="{DF677890-EA86-4BC8-897E-8DD5048BA660}" destId="{B917E039-285C-47C5-A36F-8DEE8B54D8EE}" srcOrd="1" destOrd="4" presId="urn:microsoft.com/office/officeart/2005/8/layout/vList4"/>
    <dgm:cxn modelId="{1BD385C5-E30A-4EA4-BE77-0BC171E1252D}" type="presOf" srcId="{BD7A50CF-6B25-4346-8A65-D88C8900320D}" destId="{4292566C-7C6F-48F4-A711-556101F9C92D}" srcOrd="0" destOrd="1" presId="urn:microsoft.com/office/officeart/2005/8/layout/vList4"/>
    <dgm:cxn modelId="{24F71BC8-2B6A-4F17-9D6F-2ACD03CA112B}" srcId="{C4C7F42F-3E02-4D02-AED6-C71335DC2F8F}" destId="{0D93E60D-73A1-47EB-A747-66F7FA70DA8F}" srcOrd="0" destOrd="0" parTransId="{94E83096-2C5B-4466-B68E-EB9BC8D3F034}" sibTransId="{C29C06FB-045F-416B-B767-AB5628FD8720}"/>
    <dgm:cxn modelId="{920D21D1-AFD6-4940-BD07-F52C0E51B3BA}" type="presOf" srcId="{4B855F12-FDBF-4A84-A40B-B31A97D0B8E9}" destId="{B917E039-285C-47C5-A36F-8DEE8B54D8EE}" srcOrd="1" destOrd="2" presId="urn:microsoft.com/office/officeart/2005/8/layout/vList4"/>
    <dgm:cxn modelId="{626C7FD6-ADE0-45BE-8295-24F51383C66D}" srcId="{C4C7F42F-3E02-4D02-AED6-C71335DC2F8F}" destId="{5DFEC22B-BE42-4625-9C76-DE036ECAFD11}" srcOrd="1" destOrd="0" parTransId="{6892907D-5067-4FB0-BEFC-284AB05018A4}" sibTransId="{B69CBD3F-A7AE-4CB1-80F6-7B4A86A3B24C}"/>
    <dgm:cxn modelId="{8E8799E4-AFB6-4A80-8BCA-0A7409E78B62}" srcId="{938BD2D5-CFD7-41B5-9886-FC2D2FB93A9E}" destId="{C4C7F42F-3E02-4D02-AED6-C71335DC2F8F}" srcOrd="0" destOrd="0" parTransId="{35C730DE-B2FE-42F0-B499-288AAA54E35D}" sibTransId="{696F9AB3-D716-4C4D-A4D5-2873FE2C6E05}"/>
    <dgm:cxn modelId="{AF7AA8EA-3802-48E1-9CD7-3D910A7B14FC}" type="presOf" srcId="{C1DACD48-9811-40A4-B249-B30E212C336C}" destId="{47D02C6A-C924-4B0D-A12F-8871EA2BF4AA}" srcOrd="1" destOrd="3" presId="urn:microsoft.com/office/officeart/2005/8/layout/vList4"/>
    <dgm:cxn modelId="{C840EEEE-F27C-4305-8131-FFEEF5D389BA}" type="presOf" srcId="{5DFEC22B-BE42-4625-9C76-DE036ECAFD11}" destId="{A910462B-50BF-4C91-ABE9-63956851F439}" srcOrd="0" destOrd="2" presId="urn:microsoft.com/office/officeart/2005/8/layout/vList4"/>
    <dgm:cxn modelId="{49FA60FB-B8E3-4AA4-9176-8297629B4B22}" type="presOf" srcId="{A3ECFD7D-9F61-4C56-AD5F-ABA0D53CBB78}" destId="{B917E039-285C-47C5-A36F-8DEE8B54D8EE}" srcOrd="1" destOrd="0" presId="urn:microsoft.com/office/officeart/2005/8/layout/vList4"/>
    <dgm:cxn modelId="{5F8F25FD-6EBB-46AE-9445-254B8DD89D97}" type="presOf" srcId="{C6BAC4A7-541D-43AF-987D-4C11199019FF}" destId="{A910462B-50BF-4C91-ABE9-63956851F439}" srcOrd="0" destOrd="5" presId="urn:microsoft.com/office/officeart/2005/8/layout/vList4"/>
    <dgm:cxn modelId="{270A83FF-A34D-4679-A354-A7F2B913839F}" srcId="{938BD2D5-CFD7-41B5-9886-FC2D2FB93A9E}" destId="{A3ECFD7D-9F61-4C56-AD5F-ABA0D53CBB78}" srcOrd="1" destOrd="0" parTransId="{80D99D45-D2B1-491F-BB53-D0115633FCFE}" sibTransId="{46731058-ED42-487F-AAF0-0F47EE26C765}"/>
    <dgm:cxn modelId="{A68A1517-486C-45DB-A7F2-2B85625EA27A}" type="presParOf" srcId="{89BB13F7-F2E1-4C55-AAE5-B2E59246C119}" destId="{2419D153-838A-4138-B599-61007AA24E52}" srcOrd="0" destOrd="0" presId="urn:microsoft.com/office/officeart/2005/8/layout/vList4"/>
    <dgm:cxn modelId="{B2205994-7A58-4918-B9D5-49210BF3CDF1}" type="presParOf" srcId="{2419D153-838A-4138-B599-61007AA24E52}" destId="{A910462B-50BF-4C91-ABE9-63956851F439}" srcOrd="0" destOrd="0" presId="urn:microsoft.com/office/officeart/2005/8/layout/vList4"/>
    <dgm:cxn modelId="{771606D5-28B6-4B98-808B-91A4BE5E8D13}" type="presParOf" srcId="{2419D153-838A-4138-B599-61007AA24E52}" destId="{031CC343-DFB9-42A0-9803-2EE88526FD69}" srcOrd="1" destOrd="0" presId="urn:microsoft.com/office/officeart/2005/8/layout/vList4"/>
    <dgm:cxn modelId="{78DB8F13-CA64-4F98-9CEB-09442D021710}" type="presParOf" srcId="{2419D153-838A-4138-B599-61007AA24E52}" destId="{47D02C6A-C924-4B0D-A12F-8871EA2BF4AA}" srcOrd="2" destOrd="0" presId="urn:microsoft.com/office/officeart/2005/8/layout/vList4"/>
    <dgm:cxn modelId="{3A97FE4A-9924-4153-9792-4216FE755BCE}" type="presParOf" srcId="{89BB13F7-F2E1-4C55-AAE5-B2E59246C119}" destId="{7185BC5C-988E-4A29-9706-91C92CF06BB3}" srcOrd="1" destOrd="0" presId="urn:microsoft.com/office/officeart/2005/8/layout/vList4"/>
    <dgm:cxn modelId="{79616451-BE10-4825-A056-C7A7812A95E1}" type="presParOf" srcId="{89BB13F7-F2E1-4C55-AAE5-B2E59246C119}" destId="{9D9E1163-F7C5-4B1E-B35A-B7DDBC639412}" srcOrd="2" destOrd="0" presId="urn:microsoft.com/office/officeart/2005/8/layout/vList4"/>
    <dgm:cxn modelId="{96DC7F18-7E6B-468F-9192-FACD9A861D3F}" type="presParOf" srcId="{9D9E1163-F7C5-4B1E-B35A-B7DDBC639412}" destId="{4292566C-7C6F-48F4-A711-556101F9C92D}" srcOrd="0" destOrd="0" presId="urn:microsoft.com/office/officeart/2005/8/layout/vList4"/>
    <dgm:cxn modelId="{425782F3-BF8B-464F-853B-15AD23BC388A}" type="presParOf" srcId="{9D9E1163-F7C5-4B1E-B35A-B7DDBC639412}" destId="{0EE574F7-39D3-4FF2-9BC2-837C11F4DBC3}" srcOrd="1" destOrd="0" presId="urn:microsoft.com/office/officeart/2005/8/layout/vList4"/>
    <dgm:cxn modelId="{6BAF1306-EF6B-4296-B140-639811E8F333}" type="presParOf" srcId="{9D9E1163-F7C5-4B1E-B35A-B7DDBC639412}" destId="{B917E039-285C-47C5-A36F-8DEE8B54D8EE}" srcOrd="2" destOrd="0" presId="urn:microsoft.com/office/officeart/2005/8/layout/vList4"/>
  </dgm:cxnLst>
  <dgm:bg/>
  <dgm:whole/>
  <dgm:extLst>
    <a:ext uri="http://schemas.microsoft.com/office/drawing/2008/diagram">
      <dsp:dataModelExt xmlns:dsp="http://schemas.microsoft.com/office/drawing/2008/diagram" relId="rId8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348D9EC6-008B-4150-914E-473B4A1FFACA}">
      <dsp:nvSpPr>
        <dsp:cNvPr id="0" name=""/>
        <dsp:cNvSpPr/>
      </dsp:nvSpPr>
      <dsp:spPr>
        <a:xfrm>
          <a:off x="338546" y="2579"/>
          <a:ext cx="3596431" cy="2157858"/>
        </a:xfrm>
        <a:prstGeom prst="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381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0000" dir="5400000" rotWithShape="0">
            <a:srgbClr val="000000">
              <a:alpha val="38000"/>
            </a:srgbClr>
          </a:outerShdw>
        </a:effectLst>
      </dsp:spPr>
      <dsp:style>
        <a:lnRef idx="3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63830" tIns="163830" rIns="163830" bIns="163830" numCol="1" spcCol="1270" anchor="ctr" anchorCtr="0">
          <a:noAutofit/>
        </a:bodyPr>
        <a:lstStyle/>
        <a:p>
          <a:pPr marL="0" lvl="0" indent="0" algn="ctr" defTabSz="19113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4300" kern="1200" dirty="0"/>
            <a:t>Wer macht was?</a:t>
          </a:r>
        </a:p>
      </dsp:txBody>
      <dsp:txXfrm>
        <a:off x="338546" y="2579"/>
        <a:ext cx="3596431" cy="2157858"/>
      </dsp:txXfrm>
    </dsp:sp>
    <dsp:sp modelId="{8FD1BA14-1F85-4102-9517-450468A85FC7}">
      <dsp:nvSpPr>
        <dsp:cNvPr id="0" name=""/>
        <dsp:cNvSpPr/>
      </dsp:nvSpPr>
      <dsp:spPr>
        <a:xfrm>
          <a:off x="4294621" y="2579"/>
          <a:ext cx="3596431" cy="2157858"/>
        </a:xfrm>
        <a:prstGeom prst="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381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0000" dir="5400000" rotWithShape="0">
            <a:srgbClr val="000000">
              <a:alpha val="38000"/>
            </a:srgbClr>
          </a:outerShdw>
        </a:effectLst>
      </dsp:spPr>
      <dsp:style>
        <a:lnRef idx="3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63830" tIns="163830" rIns="163830" bIns="163830" numCol="1" spcCol="1270" anchor="ctr" anchorCtr="0">
          <a:noAutofit/>
        </a:bodyPr>
        <a:lstStyle/>
        <a:p>
          <a:pPr marL="0" lvl="0" indent="0" algn="ctr" defTabSz="19113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4300" kern="1200" dirty="0"/>
            <a:t>Was brauchen wir?</a:t>
          </a:r>
        </a:p>
      </dsp:txBody>
      <dsp:txXfrm>
        <a:off x="4294621" y="2579"/>
        <a:ext cx="3596431" cy="2157858"/>
      </dsp:txXfrm>
    </dsp:sp>
    <dsp:sp modelId="{9F3203BB-F574-491F-8B1D-C9F22F280B8A}">
      <dsp:nvSpPr>
        <dsp:cNvPr id="0" name=""/>
        <dsp:cNvSpPr/>
      </dsp:nvSpPr>
      <dsp:spPr>
        <a:xfrm>
          <a:off x="338546" y="2520081"/>
          <a:ext cx="3596431" cy="2157858"/>
        </a:xfrm>
        <a:prstGeom prst="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381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0000" dir="5400000" rotWithShape="0">
            <a:srgbClr val="000000">
              <a:alpha val="38000"/>
            </a:srgbClr>
          </a:outerShdw>
        </a:effectLst>
      </dsp:spPr>
      <dsp:style>
        <a:lnRef idx="3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63830" tIns="163830" rIns="163830" bIns="163830" numCol="1" spcCol="1270" anchor="ctr" anchorCtr="0">
          <a:noAutofit/>
        </a:bodyPr>
        <a:lstStyle/>
        <a:p>
          <a:pPr marL="0" lvl="0" indent="0" algn="ctr" defTabSz="19113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4300" kern="1200" dirty="0"/>
            <a:t>Wer nimmt es mit?</a:t>
          </a:r>
        </a:p>
      </dsp:txBody>
      <dsp:txXfrm>
        <a:off x="338546" y="2520081"/>
        <a:ext cx="3596431" cy="2157858"/>
      </dsp:txXfrm>
    </dsp:sp>
    <dsp:sp modelId="{81303F8F-E695-4473-9ED8-F82C3170965A}">
      <dsp:nvSpPr>
        <dsp:cNvPr id="0" name=""/>
        <dsp:cNvSpPr/>
      </dsp:nvSpPr>
      <dsp:spPr>
        <a:xfrm>
          <a:off x="4330837" y="2522661"/>
          <a:ext cx="3596431" cy="2157858"/>
        </a:xfrm>
        <a:prstGeom prst="rect">
          <a:avLst/>
        </a:prstGeom>
        <a:solidFill>
          <a:schemeClr val="accent2">
            <a:hueOff val="0"/>
            <a:satOff val="0"/>
            <a:lumOff val="0"/>
            <a:alphaOff val="0"/>
          </a:schemeClr>
        </a:solidFill>
        <a:ln w="381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40000" dist="20000" dir="5400000" rotWithShape="0">
            <a:srgbClr val="000000">
              <a:alpha val="38000"/>
            </a:srgbClr>
          </a:outerShdw>
        </a:effectLst>
      </dsp:spPr>
      <dsp:style>
        <a:lnRef idx="3">
          <a:scrgbClr r="0" g="0" b="0"/>
        </a:lnRef>
        <a:fillRef idx="1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63830" tIns="163830" rIns="163830" bIns="163830" numCol="1" spcCol="1270" anchor="ctr" anchorCtr="0">
          <a:noAutofit/>
        </a:bodyPr>
        <a:lstStyle/>
        <a:p>
          <a:pPr marL="0" lvl="0" indent="0" algn="ctr" defTabSz="19113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4300" kern="1200" dirty="0"/>
            <a:t>Worauf müssen wir achten?</a:t>
          </a:r>
        </a:p>
      </dsp:txBody>
      <dsp:txXfrm>
        <a:off x="4330837" y="2522661"/>
        <a:ext cx="3596431" cy="2157858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9AF4AF2-E2BA-408B-9A59-75707C48F070}">
      <dsp:nvSpPr>
        <dsp:cNvPr id="0" name=""/>
        <dsp:cNvSpPr/>
      </dsp:nvSpPr>
      <dsp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</dsp:sp>
    <dsp:sp modelId="{B5879C75-A95E-40BA-BDEE-0DDF1AF2CA98}">
      <dsp:nvSpPr>
        <dsp:cNvPr id="0" name=""/>
        <dsp:cNvSpPr/>
      </dsp:nvSpPr>
      <dsp:spPr>
        <a:xfrm>
          <a:off x="247832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30450" t="-8339" r="30450" b="-8339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3F0B225-88BF-4329-B77F-0A8C0271F05F}">
      <dsp:nvSpPr>
        <dsp:cNvPr id="0" name=""/>
        <dsp:cNvSpPr/>
      </dsp:nvSpPr>
      <dsp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220472" tIns="220472" rIns="220472" bIns="220472" numCol="1" spcCol="1270" anchor="t" anchorCtr="0">
          <a:noAutofit/>
        </a:bodyPr>
        <a:lstStyle/>
        <a:p>
          <a:pPr marL="0" lvl="0" indent="0" algn="ctr" defTabSz="13779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3100" kern="1200" dirty="0">
              <a:latin typeface="Calibri" panose="020F0502020204030204"/>
              <a:ea typeface="+mn-ea"/>
              <a:cs typeface="+mn-cs"/>
            </a:rPr>
            <a:t>Beleuchtungsgerät</a:t>
          </a:r>
        </a:p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400" kern="1200">
              <a:latin typeface="Calibri" panose="020F0502020204030204"/>
              <a:ea typeface="+mn-ea"/>
              <a:cs typeface="+mn-cs"/>
            </a:rPr>
            <a:t>Eigensicherung</a:t>
          </a:r>
          <a:endParaRPr lang="de-DE" sz="2400" kern="1200" dirty="0">
            <a:latin typeface="Calibri" panose="020F0502020204030204"/>
            <a:ea typeface="+mn-ea"/>
            <a:cs typeface="+mn-cs"/>
          </a:endParaRPr>
        </a:p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400" kern="1200">
              <a:latin typeface="Calibri" panose="020F0502020204030204"/>
              <a:ea typeface="+mn-ea"/>
              <a:cs typeface="+mn-cs"/>
            </a:rPr>
            <a:t>Ausleuchten der Unfallstelle </a:t>
          </a:r>
          <a:endParaRPr lang="de-DE" sz="2400" kern="1200" dirty="0">
            <a:latin typeface="Calibri" panose="020F0502020204030204"/>
            <a:ea typeface="+mn-ea"/>
            <a:cs typeface="+mn-cs"/>
          </a:endParaRPr>
        </a:p>
      </dsp:txBody>
      <dsp:txXfrm rot="10800000">
        <a:off x="326904" y="2103677"/>
        <a:ext cx="3524682" cy="2492090"/>
      </dsp:txXfrm>
    </dsp:sp>
    <dsp:sp modelId="{53AA31C6-6660-48DA-9FAD-7384346AC6D5}">
      <dsp:nvSpPr>
        <dsp:cNvPr id="0" name=""/>
        <dsp:cNvSpPr/>
      </dsp:nvSpPr>
      <dsp:spPr>
        <a:xfrm>
          <a:off x="4298941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23607" t="5662" r="23607" b="5662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44DE90D-91EF-4F88-AC0B-95A49A938705}">
      <dsp:nvSpPr>
        <dsp:cNvPr id="0" name=""/>
        <dsp:cNvSpPr/>
      </dsp:nvSpPr>
      <dsp:spPr>
        <a:xfrm rot="10800000">
          <a:off x="4330834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192024" tIns="192024" rIns="192024" bIns="192024" numCol="1" spcCol="1270" anchor="t" anchorCtr="0">
          <a:noAutofit/>
        </a:bodyPr>
        <a:lstStyle/>
        <a:p>
          <a:pPr marL="0" lvl="0" indent="0" algn="ctr" defTabSz="1200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700" kern="1200">
              <a:latin typeface="Calibri" panose="020F0502020204030204"/>
              <a:ea typeface="+mn-ea"/>
              <a:cs typeface="+mn-cs"/>
            </a:rPr>
            <a:t>Funkgerät</a:t>
          </a:r>
          <a:endParaRPr lang="de-DE" sz="2700" kern="1200" dirty="0">
            <a:latin typeface="Calibri" panose="020F0502020204030204"/>
            <a:ea typeface="+mn-ea"/>
            <a:cs typeface="+mn-cs"/>
          </a:endParaRPr>
        </a:p>
        <a:p>
          <a:pPr marL="228600" lvl="1" indent="-228600" algn="l" defTabSz="8890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000" kern="1200" dirty="0"/>
            <a:t>Kommunikation untereinander und mit anderen am Einsatz beteiligten BOS-Einheiten, Leitstelle </a:t>
          </a:r>
        </a:p>
      </dsp:txBody>
      <dsp:txXfrm rot="10800000">
        <a:off x="4409906" y="2103677"/>
        <a:ext cx="3524682" cy="2492090"/>
      </dsp:txXfrm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9AF4AF2-E2BA-408B-9A59-75707C48F070}">
      <dsp:nvSpPr>
        <dsp:cNvPr id="0" name=""/>
        <dsp:cNvSpPr/>
      </dsp:nvSpPr>
      <dsp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</dsp:sp>
    <dsp:sp modelId="{B5879C75-A95E-40BA-BDEE-0DDF1AF2CA98}">
      <dsp:nvSpPr>
        <dsp:cNvPr id="0" name=""/>
        <dsp:cNvSpPr/>
      </dsp:nvSpPr>
      <dsp:spPr>
        <a:xfrm>
          <a:off x="247832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/>
          <a:srcRect/>
          <a:stretch>
            <a:fillRect l="6989" t="-31675" r="6989" b="-31675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3F0B225-88BF-4329-B77F-0A8C0271F05F}">
      <dsp:nvSpPr>
        <dsp:cNvPr id="0" name=""/>
        <dsp:cNvSpPr/>
      </dsp:nvSpPr>
      <dsp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192024" tIns="192024" rIns="192024" bIns="192024" numCol="1" spcCol="1270" anchor="t" anchorCtr="0">
          <a:noAutofit/>
        </a:bodyPr>
        <a:lstStyle/>
        <a:p>
          <a:pPr marL="0" lvl="0" indent="0" algn="ctr" defTabSz="1200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700" kern="1200" dirty="0">
              <a:latin typeface="Calibri" panose="020F0502020204030204"/>
              <a:ea typeface="+mn-ea"/>
              <a:cs typeface="+mn-cs"/>
            </a:rPr>
            <a:t>Erste-Hilfe-Kasten</a:t>
          </a:r>
        </a:p>
        <a:p>
          <a:pPr marL="228600" lvl="1" indent="-228600" algn="l" defTabSz="9334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100" kern="1200" dirty="0">
              <a:latin typeface="Calibri" panose="020F0502020204030204"/>
              <a:ea typeface="+mn-ea"/>
              <a:cs typeface="+mn-cs"/>
            </a:rPr>
            <a:t>Erstversorgung der verletzten Person </a:t>
          </a:r>
        </a:p>
        <a:p>
          <a:pPr marL="228600" lvl="1" indent="-228600" algn="l" defTabSz="9334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100" kern="1200" dirty="0">
              <a:latin typeface="Calibri" panose="020F0502020204030204"/>
              <a:ea typeface="+mn-ea"/>
              <a:cs typeface="+mn-cs"/>
            </a:rPr>
            <a:t>Erstversorgung von verletzten Kamerad/innen</a:t>
          </a:r>
        </a:p>
      </dsp:txBody>
      <dsp:txXfrm rot="10800000">
        <a:off x="326904" y="2103677"/>
        <a:ext cx="3524682" cy="2492090"/>
      </dsp:txXfrm>
    </dsp:sp>
    <dsp:sp modelId="{53AA31C6-6660-48DA-9FAD-7384346AC6D5}">
      <dsp:nvSpPr>
        <dsp:cNvPr id="0" name=""/>
        <dsp:cNvSpPr/>
      </dsp:nvSpPr>
      <dsp:spPr>
        <a:xfrm>
          <a:off x="4298941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-1320" t="3328" r="-1320" b="3328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44DE90D-91EF-4F88-AC0B-95A49A938705}">
      <dsp:nvSpPr>
        <dsp:cNvPr id="0" name=""/>
        <dsp:cNvSpPr/>
      </dsp:nvSpPr>
      <dsp:spPr>
        <a:xfrm rot="10800000">
          <a:off x="4330834" y="2072361"/>
          <a:ext cx="3682826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192024" tIns="192024" rIns="192024" bIns="192024" numCol="1" spcCol="1270" anchor="t" anchorCtr="0">
          <a:noAutofit/>
        </a:bodyPr>
        <a:lstStyle/>
        <a:p>
          <a:pPr marL="0" lvl="0" indent="0" algn="ctr" defTabSz="1200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700" kern="1200" dirty="0">
              <a:latin typeface="Calibri" panose="020F0502020204030204"/>
              <a:ea typeface="+mn-ea"/>
              <a:cs typeface="+mn-cs"/>
            </a:rPr>
            <a:t>Krankentransporttrage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Transport von der Gefahrenstelle zur Übergabe an den Rettungsdienst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Weitere Erste-Hilfe-Ausrüstung je nach Bedarf und Vorhandensein</a:t>
          </a:r>
        </a:p>
      </dsp:txBody>
      <dsp:txXfrm rot="10800000">
        <a:off x="4409906" y="2072361"/>
        <a:ext cx="3524682" cy="2492090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9AF4AF2-E2BA-408B-9A59-75707C48F070}">
      <dsp:nvSpPr>
        <dsp:cNvPr id="0" name=""/>
        <dsp:cNvSpPr/>
      </dsp:nvSpPr>
      <dsp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</dsp:sp>
    <dsp:sp modelId="{B5879C75-A95E-40BA-BDEE-0DDF1AF2CA98}">
      <dsp:nvSpPr>
        <dsp:cNvPr id="0" name=""/>
        <dsp:cNvSpPr/>
      </dsp:nvSpPr>
      <dsp:spPr>
        <a:xfrm>
          <a:off x="247832" y="280490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/>
          <a:srcRect/>
          <a:stretch>
            <a:fillRect l="29961" t="-3672" r="29961" b="-3672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3F0B225-88BF-4329-B77F-0A8C0271F05F}">
      <dsp:nvSpPr>
        <dsp:cNvPr id="0" name=""/>
        <dsp:cNvSpPr/>
      </dsp:nvSpPr>
      <dsp:spPr>
        <a:xfrm rot="10800000">
          <a:off x="247832" y="2103677"/>
          <a:ext cx="3682826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199136" tIns="199136" rIns="199136" bIns="199136" numCol="1" spcCol="1270" anchor="t" anchorCtr="0">
          <a:noAutofit/>
        </a:bodyPr>
        <a:lstStyle/>
        <a:p>
          <a:pPr marL="0" lvl="0" indent="0" algn="ctr" defTabSz="12446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800" kern="1200">
              <a:latin typeface="Calibri" panose="020F0502020204030204"/>
              <a:ea typeface="+mn-ea"/>
              <a:cs typeface="+mn-cs"/>
            </a:rPr>
            <a:t>Absperrmaterial</a:t>
          </a:r>
          <a:endParaRPr lang="de-DE" sz="2800" kern="1200" dirty="0">
            <a:latin typeface="Calibri" panose="020F0502020204030204"/>
            <a:ea typeface="+mn-ea"/>
            <a:cs typeface="+mn-cs"/>
          </a:endParaRPr>
        </a:p>
        <a:p>
          <a:pPr marL="228600" lvl="1" indent="-228600" algn="l" defTabSz="9779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200" kern="1200">
              <a:latin typeface="Calibri" panose="020F0502020204030204"/>
              <a:ea typeface="+mn-ea"/>
              <a:cs typeface="+mn-cs"/>
            </a:rPr>
            <a:t>Warndreieck</a:t>
          </a:r>
          <a:endParaRPr lang="de-DE" sz="2200" kern="1200" dirty="0">
            <a:latin typeface="Calibri" panose="020F0502020204030204"/>
            <a:ea typeface="+mn-ea"/>
            <a:cs typeface="+mn-cs"/>
          </a:endParaRPr>
        </a:p>
        <a:p>
          <a:pPr marL="228600" lvl="1" indent="-228600" algn="l" defTabSz="9779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200" kern="1200">
              <a:latin typeface="Calibri" panose="020F0502020204030204"/>
              <a:ea typeface="+mn-ea"/>
              <a:cs typeface="+mn-cs"/>
            </a:rPr>
            <a:t>Verkehrsleitkegel/Pylone</a:t>
          </a:r>
          <a:endParaRPr lang="de-DE" sz="2200" kern="1200" dirty="0">
            <a:latin typeface="Calibri" panose="020F0502020204030204"/>
            <a:ea typeface="+mn-ea"/>
            <a:cs typeface="+mn-cs"/>
          </a:endParaRPr>
        </a:p>
        <a:p>
          <a:pPr marL="228600" lvl="1" indent="-228600" algn="l" defTabSz="9779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200" kern="1200">
              <a:latin typeface="Calibri" panose="020F0502020204030204"/>
              <a:ea typeface="+mn-ea"/>
              <a:cs typeface="+mn-cs"/>
            </a:rPr>
            <a:t>Warnleuchte</a:t>
          </a:r>
          <a:endParaRPr lang="de-DE" sz="2200" kern="1200" dirty="0">
            <a:latin typeface="Calibri" panose="020F0502020204030204"/>
            <a:ea typeface="+mn-ea"/>
            <a:cs typeface="+mn-cs"/>
          </a:endParaRPr>
        </a:p>
        <a:p>
          <a:pPr marL="228600" lvl="1" indent="-228600" algn="l" defTabSz="9779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200" kern="1200">
              <a:latin typeface="Calibri" panose="020F0502020204030204"/>
              <a:ea typeface="+mn-ea"/>
              <a:cs typeface="+mn-cs"/>
            </a:rPr>
            <a:t>Etc.</a:t>
          </a:r>
          <a:endParaRPr lang="de-DE" sz="2200" kern="1200" dirty="0">
            <a:latin typeface="Calibri" panose="020F0502020204030204"/>
            <a:ea typeface="+mn-ea"/>
            <a:cs typeface="+mn-cs"/>
          </a:endParaRPr>
        </a:p>
      </dsp:txBody>
      <dsp:txXfrm rot="10800000">
        <a:off x="326904" y="2103677"/>
        <a:ext cx="3524682" cy="2492090"/>
      </dsp:txXfrm>
    </dsp:sp>
    <dsp:sp modelId="{53AA31C6-6660-48DA-9FAD-7384346AC6D5}">
      <dsp:nvSpPr>
        <dsp:cNvPr id="0" name=""/>
        <dsp:cNvSpPr/>
      </dsp:nvSpPr>
      <dsp:spPr>
        <a:xfrm>
          <a:off x="4258835" y="288034"/>
          <a:ext cx="3682826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37781" t="3328" r="37781" b="3328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44DE90D-91EF-4F88-AC0B-95A49A938705}">
      <dsp:nvSpPr>
        <dsp:cNvPr id="0" name=""/>
        <dsp:cNvSpPr/>
      </dsp:nvSpPr>
      <dsp:spPr>
        <a:xfrm rot="10800000">
          <a:off x="4330834" y="2084214"/>
          <a:ext cx="3682826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192024" tIns="192024" rIns="192024" bIns="192024" numCol="1" spcCol="1270" anchor="t" anchorCtr="0">
          <a:noAutofit/>
        </a:bodyPr>
        <a:lstStyle/>
        <a:p>
          <a:pPr marL="0" lvl="0" indent="0" algn="ctr" defTabSz="1200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700" kern="1200">
              <a:latin typeface="Calibri" panose="020F0502020204030204"/>
              <a:ea typeface="+mn-ea"/>
              <a:cs typeface="+mn-cs"/>
            </a:rPr>
            <a:t>Absperrmaterial</a:t>
          </a:r>
          <a:endParaRPr lang="de-DE" sz="27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Zum Sichern der Einsatzstelle gegen fließenden Straßenverkehr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Markierung des Absperrbereiches zum Fernhalten von Schaulustigen </a:t>
          </a:r>
        </a:p>
      </dsp:txBody>
      <dsp:txXfrm rot="10800000">
        <a:off x="4409906" y="2084214"/>
        <a:ext cx="3524682" cy="2492090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9AF4AF2-E2BA-408B-9A59-75707C48F070}">
      <dsp:nvSpPr>
        <dsp:cNvPr id="0" name=""/>
        <dsp:cNvSpPr/>
      </dsp:nvSpPr>
      <dsp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</dsp:sp>
    <dsp:sp modelId="{B5879C75-A95E-40BA-BDEE-0DDF1AF2CA98}">
      <dsp:nvSpPr>
        <dsp:cNvPr id="0" name=""/>
        <dsp:cNvSpPr/>
      </dsp:nvSpPr>
      <dsp:spPr>
        <a:xfrm>
          <a:off x="247709" y="280490"/>
          <a:ext cx="3708001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/>
          <a:srcRect/>
          <a:stretch>
            <a:fillRect l="37864" t="20831" r="37864" b="20831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3F0B225-88BF-4329-B77F-0A8C0271F05F}">
      <dsp:nvSpPr>
        <dsp:cNvPr id="0" name=""/>
        <dsp:cNvSpPr/>
      </dsp:nvSpPr>
      <dsp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156464" tIns="156464" rIns="156464" bIns="156464" numCol="1" spcCol="1270" anchor="t" anchorCtr="0">
          <a:noAutofit/>
        </a:bodyPr>
        <a:lstStyle/>
        <a:p>
          <a:pPr marL="0" lvl="0" indent="0" algn="ctr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200" kern="1200">
              <a:latin typeface="Calibri" panose="020F0502020204030204"/>
              <a:ea typeface="+mn-ea"/>
              <a:cs typeface="+mn-cs"/>
            </a:rPr>
            <a:t>Beleuchtungsmittel</a:t>
          </a:r>
          <a:endParaRPr lang="de-DE" sz="22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>
              <a:latin typeface="Calibri" panose="020F0502020204030204"/>
              <a:ea typeface="+mn-ea"/>
              <a:cs typeface="+mn-cs"/>
            </a:rPr>
            <a:t>Leitungsroller</a:t>
          </a:r>
          <a:endParaRPr lang="de-DE" sz="17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>
              <a:latin typeface="Calibri" panose="020F0502020204030204"/>
              <a:ea typeface="+mn-ea"/>
              <a:cs typeface="+mn-cs"/>
            </a:rPr>
            <a:t>Abzweigstück</a:t>
          </a:r>
          <a:endParaRPr lang="de-DE" sz="17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>
              <a:latin typeface="Calibri" panose="020F0502020204030204"/>
              <a:ea typeface="+mn-ea"/>
              <a:cs typeface="+mn-cs"/>
            </a:rPr>
            <a:t>Flutlichtstrahler</a:t>
          </a:r>
          <a:endParaRPr lang="de-DE" sz="17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>
              <a:latin typeface="Calibri" panose="020F0502020204030204"/>
              <a:ea typeface="+mn-ea"/>
              <a:cs typeface="+mn-cs"/>
            </a:rPr>
            <a:t>Stativ mit Sturmverspannung</a:t>
          </a:r>
          <a:endParaRPr lang="de-DE" sz="17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>
              <a:latin typeface="Calibri" panose="020F0502020204030204"/>
              <a:ea typeface="+mn-ea"/>
              <a:cs typeface="+mn-cs"/>
            </a:rPr>
            <a:t>Aufnahmebrücke</a:t>
          </a:r>
          <a:endParaRPr lang="de-DE" sz="17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>
              <a:latin typeface="Calibri" panose="020F0502020204030204"/>
              <a:ea typeface="+mn-ea"/>
              <a:cs typeface="+mn-cs"/>
            </a:rPr>
            <a:t>Zum Ausleuchten der Einsatzstelle</a:t>
          </a:r>
          <a:endParaRPr lang="de-DE" sz="1700" kern="1200" dirty="0">
            <a:latin typeface="Calibri" panose="020F0502020204030204"/>
            <a:ea typeface="+mn-ea"/>
            <a:cs typeface="+mn-cs"/>
          </a:endParaRPr>
        </a:p>
      </dsp:txBody>
      <dsp:txXfrm rot="10800000">
        <a:off x="377456" y="2103677"/>
        <a:ext cx="3502018" cy="2492090"/>
      </dsp:txXfrm>
    </dsp:sp>
    <dsp:sp modelId="{53AA31C6-6660-48DA-9FAD-7384346AC6D5}">
      <dsp:nvSpPr>
        <dsp:cNvPr id="0" name=""/>
        <dsp:cNvSpPr/>
      </dsp:nvSpPr>
      <dsp:spPr>
        <a:xfrm>
          <a:off x="4281868" y="288034"/>
          <a:ext cx="3660162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4264" t="-20007" r="4264" b="-20007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44DE90D-91EF-4F88-AC0B-95A49A938705}">
      <dsp:nvSpPr>
        <dsp:cNvPr id="0" name=""/>
        <dsp:cNvSpPr/>
      </dsp:nvSpPr>
      <dsp:spPr>
        <a:xfrm rot="10800000">
          <a:off x="4402836" y="2088148"/>
          <a:ext cx="3660162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192024" tIns="192024" rIns="192024" bIns="192024" numCol="1" spcCol="1270" anchor="t" anchorCtr="0">
          <a:noAutofit/>
        </a:bodyPr>
        <a:lstStyle/>
        <a:p>
          <a:pPr marL="0" lvl="0" indent="0" algn="ctr" defTabSz="1200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700" kern="1200">
              <a:latin typeface="Calibri" panose="020F0502020204030204"/>
              <a:ea typeface="+mn-ea"/>
              <a:cs typeface="+mn-cs"/>
            </a:rPr>
            <a:t>Brechwerkzeug</a:t>
          </a:r>
          <a:endParaRPr lang="de-DE" sz="27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>
              <a:latin typeface="Calibri" panose="020F0502020204030204"/>
              <a:ea typeface="+mn-ea"/>
              <a:cs typeface="+mn-cs"/>
            </a:rPr>
            <a:t>Halligan-Tool</a:t>
          </a:r>
          <a:endParaRPr lang="de-DE" sz="18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>
              <a:latin typeface="Calibri" panose="020F0502020204030204"/>
              <a:ea typeface="+mn-ea"/>
              <a:cs typeface="+mn-cs"/>
            </a:rPr>
            <a:t>Brechstange</a:t>
          </a:r>
          <a:endParaRPr lang="de-DE" sz="18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>
              <a:latin typeface="Calibri" panose="020F0502020204030204"/>
              <a:ea typeface="+mn-ea"/>
              <a:cs typeface="+mn-cs"/>
            </a:rPr>
            <a:t>Feuerwehraxt</a:t>
          </a:r>
          <a:endParaRPr lang="de-DE" sz="1800" kern="1200" dirty="0">
            <a:latin typeface="Calibri" panose="020F0502020204030204"/>
            <a:ea typeface="+mn-ea"/>
            <a:cs typeface="+mn-cs"/>
          </a:endParaRP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>
              <a:latin typeface="Calibri" panose="020F0502020204030204"/>
              <a:ea typeface="+mn-ea"/>
              <a:cs typeface="+mn-cs"/>
            </a:rPr>
            <a:t>Schaffen von Zugängen, Sichern gegen Wegrollen etc. </a:t>
          </a:r>
          <a:endParaRPr lang="de-DE" sz="1800" kern="1200" dirty="0">
            <a:latin typeface="Calibri" panose="020F0502020204030204"/>
            <a:ea typeface="+mn-ea"/>
            <a:cs typeface="+mn-cs"/>
          </a:endParaRPr>
        </a:p>
      </dsp:txBody>
      <dsp:txXfrm rot="10800000">
        <a:off x="4481908" y="2088148"/>
        <a:ext cx="3502018" cy="2492090"/>
      </dsp:txXfrm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9AF4AF2-E2BA-408B-9A59-75707C48F070}">
      <dsp:nvSpPr>
        <dsp:cNvPr id="0" name=""/>
        <dsp:cNvSpPr/>
      </dsp:nvSpPr>
      <dsp:spPr>
        <a:xfrm>
          <a:off x="0" y="0"/>
          <a:ext cx="8229600" cy="2103678"/>
        </a:xfrm>
        <a:prstGeom prst="roundRect">
          <a:avLst>
            <a:gd name="adj" fmla="val 10000"/>
          </a:avLst>
        </a:prstGeom>
        <a:gradFill rotWithShape="0">
          <a:gsLst>
            <a:gs pos="10000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</dsp:sp>
    <dsp:sp modelId="{B5879C75-A95E-40BA-BDEE-0DDF1AF2CA98}">
      <dsp:nvSpPr>
        <dsp:cNvPr id="0" name=""/>
        <dsp:cNvSpPr/>
      </dsp:nvSpPr>
      <dsp:spPr>
        <a:xfrm>
          <a:off x="247709" y="280490"/>
          <a:ext cx="3708001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/>
          <a:srcRect/>
          <a:stretch>
            <a:fillRect l="27184" t="10329" r="27184" b="10329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3F0B225-88BF-4329-B77F-0A8C0271F05F}">
      <dsp:nvSpPr>
        <dsp:cNvPr id="0" name=""/>
        <dsp:cNvSpPr/>
      </dsp:nvSpPr>
      <dsp:spPr>
        <a:xfrm rot="10800000">
          <a:off x="298384" y="2103677"/>
          <a:ext cx="3660162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213360" tIns="213360" rIns="213360" bIns="213360" numCol="1" spcCol="1270" anchor="t" anchorCtr="0">
          <a:noAutofit/>
        </a:bodyPr>
        <a:lstStyle/>
        <a:p>
          <a:pPr marL="0" lvl="0" indent="0" algn="ctr" defTabSz="13335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3000" kern="1200" dirty="0">
              <a:latin typeface="Calibri" panose="020F0502020204030204"/>
              <a:ea typeface="+mn-ea"/>
              <a:cs typeface="+mn-cs"/>
            </a:rPr>
            <a:t>Brandschutz</a:t>
          </a:r>
        </a:p>
        <a:p>
          <a:pPr marL="228600" lvl="1" indent="-228600" algn="l" defTabSz="10223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300" kern="1200" dirty="0">
              <a:latin typeface="Calibri" panose="020F0502020204030204"/>
              <a:ea typeface="+mn-ea"/>
              <a:cs typeface="+mn-cs"/>
            </a:rPr>
            <a:t>C-Rohr/ Schnellangriff</a:t>
          </a:r>
        </a:p>
        <a:p>
          <a:pPr marL="228600" lvl="1" indent="-228600" algn="l" defTabSz="10223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300" kern="1200" dirty="0">
              <a:latin typeface="Calibri" panose="020F0502020204030204"/>
              <a:ea typeface="+mn-ea"/>
              <a:cs typeface="+mn-cs"/>
            </a:rPr>
            <a:t>Schaum</a:t>
          </a:r>
        </a:p>
        <a:p>
          <a:pPr marL="228600" lvl="1" indent="-228600" algn="l" defTabSz="10223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300" kern="1200" dirty="0">
              <a:latin typeface="Calibri" panose="020F0502020204030204"/>
              <a:ea typeface="+mn-ea"/>
              <a:cs typeface="+mn-cs"/>
            </a:rPr>
            <a:t>Pulverlöscher</a:t>
          </a:r>
        </a:p>
        <a:p>
          <a:pPr marL="228600" lvl="1" indent="-228600" algn="l" defTabSz="10223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300" kern="1200">
              <a:latin typeface="Calibri" panose="020F0502020204030204"/>
              <a:ea typeface="+mn-ea"/>
              <a:cs typeface="+mn-cs"/>
            </a:rPr>
            <a:t>CO2-Löscher</a:t>
          </a:r>
          <a:endParaRPr lang="de-DE" sz="2300" kern="1200" dirty="0">
            <a:latin typeface="Calibri" panose="020F0502020204030204"/>
            <a:ea typeface="+mn-ea"/>
            <a:cs typeface="+mn-cs"/>
          </a:endParaRPr>
        </a:p>
      </dsp:txBody>
      <dsp:txXfrm rot="10800000">
        <a:off x="377456" y="2103677"/>
        <a:ext cx="3502018" cy="2492090"/>
      </dsp:txXfrm>
    </dsp:sp>
    <dsp:sp modelId="{53AA31C6-6660-48DA-9FAD-7384346AC6D5}">
      <dsp:nvSpPr>
        <dsp:cNvPr id="0" name=""/>
        <dsp:cNvSpPr/>
      </dsp:nvSpPr>
      <dsp:spPr>
        <a:xfrm>
          <a:off x="4281868" y="288034"/>
          <a:ext cx="3660162" cy="1542697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/>
          <a:srcRect/>
          <a:stretch>
            <a:fillRect l="33771" t="-1339" r="33771" b="-1339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44DE90D-91EF-4F88-AC0B-95A49A938705}">
      <dsp:nvSpPr>
        <dsp:cNvPr id="0" name=""/>
        <dsp:cNvSpPr/>
      </dsp:nvSpPr>
      <dsp:spPr>
        <a:xfrm rot="10800000">
          <a:off x="4402836" y="2096041"/>
          <a:ext cx="3660162" cy="2571162"/>
        </a:xfrm>
        <a:prstGeom prst="round2SameRect">
          <a:avLst>
            <a:gd name="adj1" fmla="val 10500"/>
            <a:gd name="adj2" fmla="val 0"/>
          </a:avLst>
        </a:prstGeom>
        <a:gradFill rotWithShape="1">
          <a:gsLst>
            <a:gs pos="0">
              <a:schemeClr val="accent2">
                <a:tint val="100000"/>
                <a:shade val="100000"/>
                <a:satMod val="130000"/>
              </a:schemeClr>
            </a:gs>
            <a:gs pos="100000">
              <a:schemeClr val="accent2">
                <a:tint val="50000"/>
                <a:shade val="100000"/>
                <a:satMod val="350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hemeClr val="accent2"/>
        </a:lnRef>
        <a:fillRef idx="3">
          <a:schemeClr val="accent2"/>
        </a:fillRef>
        <a:effectRef idx="3">
          <a:schemeClr val="accent2"/>
        </a:effectRef>
        <a:fontRef idx="minor">
          <a:schemeClr val="lt1"/>
        </a:fontRef>
      </dsp:style>
      <dsp:txBody>
        <a:bodyPr spcFirstLastPara="0" vert="horz" wrap="square" lIns="192024" tIns="192024" rIns="192024" bIns="192024" numCol="1" spcCol="1270" anchor="t" anchorCtr="0">
          <a:noAutofit/>
        </a:bodyPr>
        <a:lstStyle/>
        <a:p>
          <a:pPr marL="0" lvl="0" indent="0" algn="ctr" defTabSz="12001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700" kern="1200" dirty="0">
              <a:latin typeface="+mn-lt"/>
              <a:ea typeface="+mn-ea"/>
              <a:cs typeface="+mn-cs"/>
            </a:rPr>
            <a:t>Brandschutz</a:t>
          </a:r>
          <a:endParaRPr lang="de-DE" sz="2700" kern="1200" dirty="0">
            <a:latin typeface="Calibri" panose="020F0502020204030204"/>
            <a:ea typeface="+mn-ea"/>
            <a:cs typeface="+mn-cs"/>
          </a:endParaRPr>
        </a:p>
        <a:p>
          <a:pPr marL="228600" lvl="1" indent="-228600" algn="l" defTabSz="8890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000" kern="1200" dirty="0"/>
            <a:t>Bis zu Vierfacher Brandschutz </a:t>
          </a:r>
        </a:p>
        <a:p>
          <a:pPr marL="228600" lvl="1" indent="-228600" algn="l" defTabSz="8890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2000" kern="1200" dirty="0"/>
            <a:t>Je nach Weisung des Einheitsführers ist das entsprechende Löschmittel aufzubauen</a:t>
          </a:r>
        </a:p>
      </dsp:txBody>
      <dsp:txXfrm rot="10800000">
        <a:off x="4481908" y="2096041"/>
        <a:ext cx="3502018" cy="2492090"/>
      </dsp:txXfrm>
    </dsp:sp>
  </dsp:spTree>
</dsp:drawing>
</file>

<file path=ppt/diagrams/drawing7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910462B-50BF-4C91-ABE9-63956851F439}">
      <dsp:nvSpPr>
        <dsp:cNvPr id="0" name=""/>
        <dsp:cNvSpPr/>
      </dsp:nvSpPr>
      <dsp:spPr>
        <a:xfrm>
          <a:off x="0" y="0"/>
          <a:ext cx="8229600" cy="1350860"/>
        </a:xfrm>
        <a:prstGeom prst="roundRect">
          <a:avLst>
            <a:gd name="adj" fmla="val 10000"/>
          </a:avLst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76200" rIns="76200" bIns="76200" numCol="1" spcCol="1270" anchor="t" anchorCtr="0">
          <a:noAutofit/>
        </a:bodyPr>
        <a:lstStyle/>
        <a:p>
          <a:pPr marL="0" lvl="0" indent="0" algn="l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000" kern="1200" dirty="0"/>
            <a:t>Einheitsführer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Handlampe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Funkgerät</a:t>
          </a:r>
        </a:p>
      </dsp:txBody>
      <dsp:txXfrm>
        <a:off x="1793579" y="0"/>
        <a:ext cx="6436020" cy="1350860"/>
      </dsp:txXfrm>
    </dsp:sp>
    <dsp:sp modelId="{031CC343-DFB9-42A0-9803-2EE88526FD69}">
      <dsp:nvSpPr>
        <dsp:cNvPr id="0" name=""/>
        <dsp:cNvSpPr/>
      </dsp:nvSpPr>
      <dsp:spPr>
        <a:xfrm>
          <a:off x="147659" y="84793"/>
          <a:ext cx="1645920" cy="1181273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29000" r="-29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292566C-7C6F-48F4-A711-556101F9C92D}">
      <dsp:nvSpPr>
        <dsp:cNvPr id="0" name=""/>
        <dsp:cNvSpPr/>
      </dsp:nvSpPr>
      <dsp:spPr>
        <a:xfrm>
          <a:off x="0" y="1512163"/>
          <a:ext cx="8229600" cy="1476592"/>
        </a:xfrm>
        <a:prstGeom prst="roundRect">
          <a:avLst>
            <a:gd name="adj" fmla="val 10000"/>
          </a:avLst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76200" rIns="76200" bIns="76200" numCol="1" spcCol="1270" anchor="t" anchorCtr="0">
          <a:noAutofit/>
        </a:bodyPr>
        <a:lstStyle/>
        <a:p>
          <a:pPr marL="0" lvl="0" indent="0" algn="l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000" kern="1200" dirty="0"/>
            <a:t>Melder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Handlampe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Funkgerät</a:t>
          </a:r>
        </a:p>
      </dsp:txBody>
      <dsp:txXfrm>
        <a:off x="1793579" y="1512163"/>
        <a:ext cx="6436020" cy="1476592"/>
      </dsp:txXfrm>
    </dsp:sp>
    <dsp:sp modelId="{0EE574F7-39D3-4FF2-9BC2-837C11F4DBC3}">
      <dsp:nvSpPr>
        <dsp:cNvPr id="0" name=""/>
        <dsp:cNvSpPr/>
      </dsp:nvSpPr>
      <dsp:spPr>
        <a:xfrm>
          <a:off x="147659" y="1646178"/>
          <a:ext cx="1645920" cy="1181273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1881" t="-284" r="1881" b="-284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88BD62BC-877D-4ECE-A0C2-6C02FF8E0622}">
      <dsp:nvSpPr>
        <dsp:cNvPr id="0" name=""/>
        <dsp:cNvSpPr/>
      </dsp:nvSpPr>
      <dsp:spPr>
        <a:xfrm>
          <a:off x="0" y="3122770"/>
          <a:ext cx="8229600" cy="1476592"/>
        </a:xfrm>
        <a:prstGeom prst="roundRect">
          <a:avLst>
            <a:gd name="adj" fmla="val 10000"/>
          </a:avLst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t" anchorCtr="0">
          <a:noAutofit/>
        </a:bodyPr>
        <a:lstStyle/>
        <a:p>
          <a:pPr marL="0" lvl="0" indent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1900" kern="1200" dirty="0"/>
            <a:t>Angriffstrupp</a:t>
          </a:r>
        </a:p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600" kern="1200" dirty="0"/>
            <a:t>Erste-Hilfe-Kasten </a:t>
          </a:r>
        </a:p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600" kern="1200" dirty="0"/>
            <a:t>Brechwerkzeug</a:t>
          </a:r>
        </a:p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600" kern="1200" dirty="0"/>
            <a:t>Handlampe</a:t>
          </a:r>
        </a:p>
        <a:p>
          <a:pPr marL="171450" lvl="1" indent="-171450" algn="l" defTabSz="7112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600" kern="1200" dirty="0"/>
            <a:t>Funkgerät</a:t>
          </a:r>
        </a:p>
      </dsp:txBody>
      <dsp:txXfrm>
        <a:off x="1793579" y="3122770"/>
        <a:ext cx="6436020" cy="1476592"/>
      </dsp:txXfrm>
    </dsp:sp>
    <dsp:sp modelId="{101932DD-1829-4188-90D6-8619CD773F6C}">
      <dsp:nvSpPr>
        <dsp:cNvPr id="0" name=""/>
        <dsp:cNvSpPr/>
      </dsp:nvSpPr>
      <dsp:spPr>
        <a:xfrm>
          <a:off x="147659" y="3270430"/>
          <a:ext cx="1645920" cy="1181273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t="-1809" b="-1809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8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A910462B-50BF-4C91-ABE9-63956851F439}">
      <dsp:nvSpPr>
        <dsp:cNvPr id="0" name=""/>
        <dsp:cNvSpPr/>
      </dsp:nvSpPr>
      <dsp:spPr>
        <a:xfrm>
          <a:off x="0" y="0"/>
          <a:ext cx="8229600" cy="2089001"/>
        </a:xfrm>
        <a:prstGeom prst="roundRect">
          <a:avLst>
            <a:gd name="adj" fmla="val 10000"/>
          </a:avLst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t" anchorCtr="0">
          <a:noAutofit/>
        </a:bodyPr>
        <a:lstStyle/>
        <a:p>
          <a:pPr marL="0" lvl="0" indent="0" algn="l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200" kern="1200" dirty="0"/>
            <a:t>Wassertrupp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/>
            <a:t>Handlampe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/>
            <a:t>Funkgerät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/>
            <a:t>Warndreieck, Warnleuchte, Verkehrsleitkegel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/>
            <a:t>Pulverlöscher, CO2-Löscher, Schnellangriffsrohr, C-Rohr, Schaum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700" kern="1200" dirty="0"/>
            <a:t>Flutlichtstrahler, Stativ, Abzweigstück, Leitungsroller, etc.</a:t>
          </a:r>
        </a:p>
      </dsp:txBody>
      <dsp:txXfrm>
        <a:off x="1874263" y="0"/>
        <a:ext cx="6355336" cy="2089001"/>
      </dsp:txXfrm>
    </dsp:sp>
    <dsp:sp modelId="{031CC343-DFB9-42A0-9803-2EE88526FD69}">
      <dsp:nvSpPr>
        <dsp:cNvPr id="0" name=""/>
        <dsp:cNvSpPr/>
      </dsp:nvSpPr>
      <dsp:spPr>
        <a:xfrm>
          <a:off x="228343" y="131126"/>
          <a:ext cx="1645920" cy="1826748"/>
        </a:xfrm>
        <a:prstGeom prst="roundRect">
          <a:avLst>
            <a:gd name="adj" fmla="val 10000"/>
          </a:avLst>
        </a:prstGeom>
        <a:blipFill dpi="0" rotWithShape="1"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11242" t="-3333" r="-11242" b="-3333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4292566C-7C6F-48F4-A711-556101F9C92D}">
      <dsp:nvSpPr>
        <dsp:cNvPr id="0" name=""/>
        <dsp:cNvSpPr/>
      </dsp:nvSpPr>
      <dsp:spPr>
        <a:xfrm>
          <a:off x="0" y="2319395"/>
          <a:ext cx="8229600" cy="2283436"/>
        </a:xfrm>
        <a:prstGeom prst="roundRect">
          <a:avLst>
            <a:gd name="adj" fmla="val 10000"/>
          </a:avLst>
        </a:prstGeom>
        <a:solidFill>
          <a:schemeClr val="accent2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8580" tIns="68580" rIns="68580" bIns="68580" numCol="1" spcCol="1270" anchor="t" anchorCtr="0">
          <a:noAutofit/>
        </a:bodyPr>
        <a:lstStyle/>
        <a:p>
          <a:pPr marL="0" lvl="0" indent="0" algn="l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de-DE" sz="2200" kern="1200" dirty="0"/>
            <a:t>Schlauchtrupp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Handlampe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Funkgerät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Krankentransporttrage</a:t>
          </a:r>
        </a:p>
        <a:p>
          <a:pPr marL="171450" lvl="1" indent="-171450" algn="l" defTabSz="8001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r>
            <a:rPr lang="de-DE" sz="1800" kern="1200" dirty="0"/>
            <a:t>Weitere Erste-Hilfe-Ausrüstung </a:t>
          </a:r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"/>
          </a:pPr>
          <a:endParaRPr lang="de-DE" sz="1700" kern="1200" dirty="0"/>
        </a:p>
      </dsp:txBody>
      <dsp:txXfrm>
        <a:off x="1874263" y="2319395"/>
        <a:ext cx="6355336" cy="2283436"/>
      </dsp:txXfrm>
    </dsp:sp>
    <dsp:sp modelId="{0EE574F7-39D3-4FF2-9BC2-837C11F4DBC3}">
      <dsp:nvSpPr>
        <dsp:cNvPr id="0" name=""/>
        <dsp:cNvSpPr/>
      </dsp:nvSpPr>
      <dsp:spPr>
        <a:xfrm>
          <a:off x="228343" y="2545688"/>
          <a:ext cx="1645920" cy="1826748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 l="-14000" r="-14000"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pList2">
  <dgm:title val=""/>
  <dgm:desc val=""/>
  <dgm:catLst>
    <dgm:cat type="list" pri="11000"/>
    <dgm:cat type="picture" pri="24000"/>
    <dgm:cat type="pictureconvert" pri="24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alg type="composite"/>
    <dgm:shape xmlns:r="http://schemas.openxmlformats.org/officeDocument/2006/relationships" r:blip="">
      <dgm:adjLst/>
    </dgm:shape>
    <dgm:presOf/>
    <dgm:constrLst>
      <dgm:constr type="w" for="ch" forName="bkgdShp" refType="w"/>
      <dgm:constr type="h" for="ch" forName="bkgdShp" refType="h" fact="0.45"/>
      <dgm:constr type="t" for="ch" forName="bkgdShp"/>
      <dgm:constr type="w" for="ch" forName="linComp" refType="w" fact="0.94"/>
      <dgm:constr type="h" for="ch" forName="linComp" refType="h"/>
      <dgm:constr type="ctrX" for="ch" forName="linComp" refType="w" fact="0.5"/>
    </dgm:constrLst>
    <dgm:ruleLst/>
    <dgm:choose name="Name1">
      <dgm:if name="Name2" axis="ch" ptType="node" func="cnt" op="gte" val="1">
        <dgm:layoutNode name="bkgdShp" styleLbl="alignAccFollowNode1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/>
          <dgm:constrLst/>
          <dgm:ruleLst/>
        </dgm:layoutNode>
        <dgm:layoutNode name="linComp">
          <dgm:choose name="Name3">
            <dgm:if name="Name4" func="var" arg="dir" op="equ" val="norm">
              <dgm:alg type="lin"/>
            </dgm:if>
            <dgm:else name="Name5">
              <dgm:alg type="lin">
                <dgm:param type="linDir" val="from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w" for="ch" forName="compNode" refType="w"/>
            <dgm:constr type="h" for="ch" forName="compNode" refType="h"/>
            <dgm:constr type="w" for="ch" ptType="sibTrans" refType="w" refFor="ch" refForName="compNode" fact="0.1"/>
            <dgm:constr type="h" for="ch" ptType="sibTrans" op="equ"/>
            <dgm:constr type="h" for="ch" forName="compNode" op="equ"/>
            <dgm:constr type="primFontSz" for="des" forName="node" op="equ"/>
          </dgm:constrLst>
          <dgm:ruleLst/>
          <dgm:forEach name="nodesForEach" axis="ch" ptType="node">
            <dgm:layoutNode name="compNode">
              <dgm:alg type="composite"/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node" refType="w"/>
                <dgm:constr type="h" for="ch" forName="node" refType="h" fact="0.55"/>
                <dgm:constr type="b" for="ch" forName="node" refType="h"/>
                <dgm:constr type="w" for="ch" forName="invisiNode" refType="w" fact="0.75"/>
                <dgm:constr type="h" for="ch" forName="invisiNode" refType="h" fact="0.06"/>
                <dgm:constr type="t" for="ch" forName="invisiNode"/>
                <dgm:constr type="w" for="ch" forName="imagNode" refType="w"/>
                <dgm:constr type="h" for="ch" forName="imagNode" refType="h" fact="0.33"/>
                <dgm:constr type="ctrX" for="ch" forName="imagNode" refType="w" fact="0.5"/>
                <dgm:constr type="t" for="ch" forName="imagNode" refType="h" fact="0.06"/>
              </dgm:constrLst>
              <dgm:ruleLst/>
              <dgm:layoutNode name="node" styleLbl="node1">
                <dgm:varLst>
                  <dgm:bulletEnabled val="1"/>
                </dgm:varLst>
                <dgm:alg type="tx">
                  <dgm:param type="txAnchorVert" val="t"/>
                </dgm:alg>
                <dgm:shape xmlns:r="http://schemas.openxmlformats.org/officeDocument/2006/relationships" rot="180" type="round2SameRect" r:blip="">
                  <dgm:adjLst>
                    <dgm:adj idx="1" val="0.105"/>
                  </dgm:adjLst>
                </dgm:shape>
                <dgm:presOf axis="desOrSelf" ptType="node"/>
                <dgm:constrLst>
                  <dgm:constr type="primFontSz" val="65"/>
                </dgm:constrLst>
                <dgm:ruleLst>
                  <dgm:rule type="primFontSz" val="5" fact="NaN" max="NaN"/>
                </dgm:ruleLst>
              </dgm:layoutNode>
              <dgm:layoutNode name="invisiNode">
                <dgm:alg type="sp"/>
                <dgm:shape xmlns:r="http://schemas.openxmlformats.org/officeDocument/2006/relationships" type="roundRect" r:blip="" hideGeom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  <dgm:layoutNode name="imagNode" styleLbl="fgImgPlace1">
                <dgm:alg type="sp"/>
                <dgm:shape xmlns:r="http://schemas.openxmlformats.org/officeDocument/2006/relationships" type="roundRect" r:blip="" zOrderOff="-2" blipPhldr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</dgm:layoutNode>
            <dgm:forEach name="sibTransForEach" axis="followSib" ptType="sibTrans" cnt="1">
              <dgm:layoutNode name="sibTrans">
                <dgm:alg type="sp"/>
                <dgm:shape xmlns:r="http://schemas.openxmlformats.org/officeDocument/2006/relationships" type="rect" r:blip="" hideGeom="1">
                  <dgm:adjLst/>
                </dgm:shape>
                <dgm:presOf axis="self"/>
                <dgm:constrLst/>
                <dgm:ruleLst/>
              </dgm:layoutNode>
            </dgm:forEach>
          </dgm:forEach>
        </dgm:layoutNode>
      </dgm:if>
      <dgm:else name="Name6"/>
    </dgm:choose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pList2">
  <dgm:title val=""/>
  <dgm:desc val=""/>
  <dgm:catLst>
    <dgm:cat type="list" pri="11000"/>
    <dgm:cat type="picture" pri="24000"/>
    <dgm:cat type="pictureconvert" pri="24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alg type="composite"/>
    <dgm:shape xmlns:r="http://schemas.openxmlformats.org/officeDocument/2006/relationships" r:blip="">
      <dgm:adjLst/>
    </dgm:shape>
    <dgm:presOf/>
    <dgm:constrLst>
      <dgm:constr type="w" for="ch" forName="bkgdShp" refType="w"/>
      <dgm:constr type="h" for="ch" forName="bkgdShp" refType="h" fact="0.45"/>
      <dgm:constr type="t" for="ch" forName="bkgdShp"/>
      <dgm:constr type="w" for="ch" forName="linComp" refType="w" fact="0.94"/>
      <dgm:constr type="h" for="ch" forName="linComp" refType="h"/>
      <dgm:constr type="ctrX" for="ch" forName="linComp" refType="w" fact="0.5"/>
    </dgm:constrLst>
    <dgm:ruleLst/>
    <dgm:choose name="Name1">
      <dgm:if name="Name2" axis="ch" ptType="node" func="cnt" op="gte" val="1">
        <dgm:layoutNode name="bkgdShp" styleLbl="alignAccFollowNode1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/>
          <dgm:constrLst/>
          <dgm:ruleLst/>
        </dgm:layoutNode>
        <dgm:layoutNode name="linComp">
          <dgm:choose name="Name3">
            <dgm:if name="Name4" func="var" arg="dir" op="equ" val="norm">
              <dgm:alg type="lin"/>
            </dgm:if>
            <dgm:else name="Name5">
              <dgm:alg type="lin">
                <dgm:param type="linDir" val="from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w" for="ch" forName="compNode" refType="w"/>
            <dgm:constr type="h" for="ch" forName="compNode" refType="h"/>
            <dgm:constr type="w" for="ch" ptType="sibTrans" refType="w" refFor="ch" refForName="compNode" fact="0.1"/>
            <dgm:constr type="h" for="ch" ptType="sibTrans" op="equ"/>
            <dgm:constr type="h" for="ch" forName="compNode" op="equ"/>
            <dgm:constr type="primFontSz" for="des" forName="node" op="equ"/>
          </dgm:constrLst>
          <dgm:ruleLst/>
          <dgm:forEach name="nodesForEach" axis="ch" ptType="node">
            <dgm:layoutNode name="compNode">
              <dgm:alg type="composite"/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node" refType="w"/>
                <dgm:constr type="h" for="ch" forName="node" refType="h" fact="0.55"/>
                <dgm:constr type="b" for="ch" forName="node" refType="h"/>
                <dgm:constr type="w" for="ch" forName="invisiNode" refType="w" fact="0.75"/>
                <dgm:constr type="h" for="ch" forName="invisiNode" refType="h" fact="0.06"/>
                <dgm:constr type="t" for="ch" forName="invisiNode"/>
                <dgm:constr type="w" for="ch" forName="imagNode" refType="w"/>
                <dgm:constr type="h" for="ch" forName="imagNode" refType="h" fact="0.33"/>
                <dgm:constr type="ctrX" for="ch" forName="imagNode" refType="w" fact="0.5"/>
                <dgm:constr type="t" for="ch" forName="imagNode" refType="h" fact="0.06"/>
              </dgm:constrLst>
              <dgm:ruleLst/>
              <dgm:layoutNode name="node" styleLbl="node1">
                <dgm:varLst>
                  <dgm:bulletEnabled val="1"/>
                </dgm:varLst>
                <dgm:alg type="tx">
                  <dgm:param type="txAnchorVert" val="t"/>
                </dgm:alg>
                <dgm:shape xmlns:r="http://schemas.openxmlformats.org/officeDocument/2006/relationships" rot="180" type="round2SameRect" r:blip="">
                  <dgm:adjLst>
                    <dgm:adj idx="1" val="0.105"/>
                  </dgm:adjLst>
                </dgm:shape>
                <dgm:presOf axis="desOrSelf" ptType="node"/>
                <dgm:constrLst>
                  <dgm:constr type="primFontSz" val="65"/>
                </dgm:constrLst>
                <dgm:ruleLst>
                  <dgm:rule type="primFontSz" val="5" fact="NaN" max="NaN"/>
                </dgm:ruleLst>
              </dgm:layoutNode>
              <dgm:layoutNode name="invisiNode">
                <dgm:alg type="sp"/>
                <dgm:shape xmlns:r="http://schemas.openxmlformats.org/officeDocument/2006/relationships" type="roundRect" r:blip="" hideGeom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  <dgm:layoutNode name="imagNode" styleLbl="fgImgPlace1">
                <dgm:alg type="sp"/>
                <dgm:shape xmlns:r="http://schemas.openxmlformats.org/officeDocument/2006/relationships" type="roundRect" r:blip="" zOrderOff="-2" blipPhldr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</dgm:layoutNode>
            <dgm:forEach name="sibTransForEach" axis="followSib" ptType="sibTrans" cnt="1">
              <dgm:layoutNode name="sibTrans">
                <dgm:alg type="sp"/>
                <dgm:shape xmlns:r="http://schemas.openxmlformats.org/officeDocument/2006/relationships" type="rect" r:blip="" hideGeom="1">
                  <dgm:adjLst/>
                </dgm:shape>
                <dgm:presOf axis="self"/>
                <dgm:constrLst/>
                <dgm:ruleLst/>
              </dgm:layoutNode>
            </dgm:forEach>
          </dgm:forEach>
        </dgm:layoutNode>
      </dgm:if>
      <dgm:else name="Name6"/>
    </dgm:choose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pList2">
  <dgm:title val=""/>
  <dgm:desc val=""/>
  <dgm:catLst>
    <dgm:cat type="list" pri="11000"/>
    <dgm:cat type="picture" pri="24000"/>
    <dgm:cat type="pictureconvert" pri="24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alg type="composite"/>
    <dgm:shape xmlns:r="http://schemas.openxmlformats.org/officeDocument/2006/relationships" r:blip="">
      <dgm:adjLst/>
    </dgm:shape>
    <dgm:presOf/>
    <dgm:constrLst>
      <dgm:constr type="w" for="ch" forName="bkgdShp" refType="w"/>
      <dgm:constr type="h" for="ch" forName="bkgdShp" refType="h" fact="0.45"/>
      <dgm:constr type="t" for="ch" forName="bkgdShp"/>
      <dgm:constr type="w" for="ch" forName="linComp" refType="w" fact="0.94"/>
      <dgm:constr type="h" for="ch" forName="linComp" refType="h"/>
      <dgm:constr type="ctrX" for="ch" forName="linComp" refType="w" fact="0.5"/>
    </dgm:constrLst>
    <dgm:ruleLst/>
    <dgm:choose name="Name1">
      <dgm:if name="Name2" axis="ch" ptType="node" func="cnt" op="gte" val="1">
        <dgm:layoutNode name="bkgdShp" styleLbl="alignAccFollowNode1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/>
          <dgm:constrLst/>
          <dgm:ruleLst/>
        </dgm:layoutNode>
        <dgm:layoutNode name="linComp">
          <dgm:choose name="Name3">
            <dgm:if name="Name4" func="var" arg="dir" op="equ" val="norm">
              <dgm:alg type="lin"/>
            </dgm:if>
            <dgm:else name="Name5">
              <dgm:alg type="lin">
                <dgm:param type="linDir" val="from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w" for="ch" forName="compNode" refType="w"/>
            <dgm:constr type="h" for="ch" forName="compNode" refType="h"/>
            <dgm:constr type="w" for="ch" ptType="sibTrans" refType="w" refFor="ch" refForName="compNode" fact="0.1"/>
            <dgm:constr type="h" for="ch" ptType="sibTrans" op="equ"/>
            <dgm:constr type="h" for="ch" forName="compNode" op="equ"/>
            <dgm:constr type="primFontSz" for="des" forName="node" op="equ"/>
          </dgm:constrLst>
          <dgm:ruleLst/>
          <dgm:forEach name="nodesForEach" axis="ch" ptType="node">
            <dgm:layoutNode name="compNode">
              <dgm:alg type="composite"/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node" refType="w"/>
                <dgm:constr type="h" for="ch" forName="node" refType="h" fact="0.55"/>
                <dgm:constr type="b" for="ch" forName="node" refType="h"/>
                <dgm:constr type="w" for="ch" forName="invisiNode" refType="w" fact="0.75"/>
                <dgm:constr type="h" for="ch" forName="invisiNode" refType="h" fact="0.06"/>
                <dgm:constr type="t" for="ch" forName="invisiNode"/>
                <dgm:constr type="w" for="ch" forName="imagNode" refType="w"/>
                <dgm:constr type="h" for="ch" forName="imagNode" refType="h" fact="0.33"/>
                <dgm:constr type="ctrX" for="ch" forName="imagNode" refType="w" fact="0.5"/>
                <dgm:constr type="t" for="ch" forName="imagNode" refType="h" fact="0.06"/>
              </dgm:constrLst>
              <dgm:ruleLst/>
              <dgm:layoutNode name="node" styleLbl="node1">
                <dgm:varLst>
                  <dgm:bulletEnabled val="1"/>
                </dgm:varLst>
                <dgm:alg type="tx">
                  <dgm:param type="txAnchorVert" val="t"/>
                </dgm:alg>
                <dgm:shape xmlns:r="http://schemas.openxmlformats.org/officeDocument/2006/relationships" rot="180" type="round2SameRect" r:blip="">
                  <dgm:adjLst>
                    <dgm:adj idx="1" val="0.105"/>
                  </dgm:adjLst>
                </dgm:shape>
                <dgm:presOf axis="desOrSelf" ptType="node"/>
                <dgm:constrLst>
                  <dgm:constr type="primFontSz" val="65"/>
                </dgm:constrLst>
                <dgm:ruleLst>
                  <dgm:rule type="primFontSz" val="5" fact="NaN" max="NaN"/>
                </dgm:ruleLst>
              </dgm:layoutNode>
              <dgm:layoutNode name="invisiNode">
                <dgm:alg type="sp"/>
                <dgm:shape xmlns:r="http://schemas.openxmlformats.org/officeDocument/2006/relationships" type="roundRect" r:blip="" hideGeom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  <dgm:layoutNode name="imagNode" styleLbl="fgImgPlace1">
                <dgm:alg type="sp"/>
                <dgm:shape xmlns:r="http://schemas.openxmlformats.org/officeDocument/2006/relationships" type="roundRect" r:blip="" zOrderOff="-2" blipPhldr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</dgm:layoutNode>
            <dgm:forEach name="sibTransForEach" axis="followSib" ptType="sibTrans" cnt="1">
              <dgm:layoutNode name="sibTrans">
                <dgm:alg type="sp"/>
                <dgm:shape xmlns:r="http://schemas.openxmlformats.org/officeDocument/2006/relationships" type="rect" r:blip="" hideGeom="1">
                  <dgm:adjLst/>
                </dgm:shape>
                <dgm:presOf axis="self"/>
                <dgm:constrLst/>
                <dgm:ruleLst/>
              </dgm:layoutNode>
            </dgm:forEach>
          </dgm:forEach>
        </dgm:layoutNode>
      </dgm:if>
      <dgm:else name="Name6"/>
    </dgm:choose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5/8/layout/pList2">
  <dgm:title val=""/>
  <dgm:desc val=""/>
  <dgm:catLst>
    <dgm:cat type="list" pri="11000"/>
    <dgm:cat type="picture" pri="24000"/>
    <dgm:cat type="pictureconvert" pri="24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alg type="composite"/>
    <dgm:shape xmlns:r="http://schemas.openxmlformats.org/officeDocument/2006/relationships" r:blip="">
      <dgm:adjLst/>
    </dgm:shape>
    <dgm:presOf/>
    <dgm:constrLst>
      <dgm:constr type="w" for="ch" forName="bkgdShp" refType="w"/>
      <dgm:constr type="h" for="ch" forName="bkgdShp" refType="h" fact="0.45"/>
      <dgm:constr type="t" for="ch" forName="bkgdShp"/>
      <dgm:constr type="w" for="ch" forName="linComp" refType="w" fact="0.94"/>
      <dgm:constr type="h" for="ch" forName="linComp" refType="h"/>
      <dgm:constr type="ctrX" for="ch" forName="linComp" refType="w" fact="0.5"/>
    </dgm:constrLst>
    <dgm:ruleLst/>
    <dgm:choose name="Name1">
      <dgm:if name="Name2" axis="ch" ptType="node" func="cnt" op="gte" val="1">
        <dgm:layoutNode name="bkgdShp" styleLbl="alignAccFollowNode1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/>
          <dgm:constrLst/>
          <dgm:ruleLst/>
        </dgm:layoutNode>
        <dgm:layoutNode name="linComp">
          <dgm:choose name="Name3">
            <dgm:if name="Name4" func="var" arg="dir" op="equ" val="norm">
              <dgm:alg type="lin"/>
            </dgm:if>
            <dgm:else name="Name5">
              <dgm:alg type="lin">
                <dgm:param type="linDir" val="from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w" for="ch" forName="compNode" refType="w"/>
            <dgm:constr type="h" for="ch" forName="compNode" refType="h"/>
            <dgm:constr type="w" for="ch" ptType="sibTrans" refType="w" refFor="ch" refForName="compNode" fact="0.1"/>
            <dgm:constr type="h" for="ch" ptType="sibTrans" op="equ"/>
            <dgm:constr type="h" for="ch" forName="compNode" op="equ"/>
            <dgm:constr type="primFontSz" for="des" forName="node" op="equ"/>
          </dgm:constrLst>
          <dgm:ruleLst/>
          <dgm:forEach name="nodesForEach" axis="ch" ptType="node">
            <dgm:layoutNode name="compNode">
              <dgm:alg type="composite"/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node" refType="w"/>
                <dgm:constr type="h" for="ch" forName="node" refType="h" fact="0.55"/>
                <dgm:constr type="b" for="ch" forName="node" refType="h"/>
                <dgm:constr type="w" for="ch" forName="invisiNode" refType="w" fact="0.75"/>
                <dgm:constr type="h" for="ch" forName="invisiNode" refType="h" fact="0.06"/>
                <dgm:constr type="t" for="ch" forName="invisiNode"/>
                <dgm:constr type="w" for="ch" forName="imagNode" refType="w"/>
                <dgm:constr type="h" for="ch" forName="imagNode" refType="h" fact="0.33"/>
                <dgm:constr type="ctrX" for="ch" forName="imagNode" refType="w" fact="0.5"/>
                <dgm:constr type="t" for="ch" forName="imagNode" refType="h" fact="0.06"/>
              </dgm:constrLst>
              <dgm:ruleLst/>
              <dgm:layoutNode name="node" styleLbl="node1">
                <dgm:varLst>
                  <dgm:bulletEnabled val="1"/>
                </dgm:varLst>
                <dgm:alg type="tx">
                  <dgm:param type="txAnchorVert" val="t"/>
                </dgm:alg>
                <dgm:shape xmlns:r="http://schemas.openxmlformats.org/officeDocument/2006/relationships" rot="180" type="round2SameRect" r:blip="">
                  <dgm:adjLst>
                    <dgm:adj idx="1" val="0.105"/>
                  </dgm:adjLst>
                </dgm:shape>
                <dgm:presOf axis="desOrSelf" ptType="node"/>
                <dgm:constrLst>
                  <dgm:constr type="primFontSz" val="65"/>
                </dgm:constrLst>
                <dgm:ruleLst>
                  <dgm:rule type="primFontSz" val="5" fact="NaN" max="NaN"/>
                </dgm:ruleLst>
              </dgm:layoutNode>
              <dgm:layoutNode name="invisiNode">
                <dgm:alg type="sp"/>
                <dgm:shape xmlns:r="http://schemas.openxmlformats.org/officeDocument/2006/relationships" type="roundRect" r:blip="" hideGeom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  <dgm:layoutNode name="imagNode" styleLbl="fgImgPlace1">
                <dgm:alg type="sp"/>
                <dgm:shape xmlns:r="http://schemas.openxmlformats.org/officeDocument/2006/relationships" type="roundRect" r:blip="" zOrderOff="-2" blipPhldr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</dgm:layoutNode>
            <dgm:forEach name="sibTransForEach" axis="followSib" ptType="sibTrans" cnt="1">
              <dgm:layoutNode name="sibTrans">
                <dgm:alg type="sp"/>
                <dgm:shape xmlns:r="http://schemas.openxmlformats.org/officeDocument/2006/relationships" type="rect" r:blip="" hideGeom="1">
                  <dgm:adjLst/>
                </dgm:shape>
                <dgm:presOf axis="self"/>
                <dgm:constrLst/>
                <dgm:ruleLst/>
              </dgm:layoutNode>
            </dgm:forEach>
          </dgm:forEach>
        </dgm:layoutNode>
      </dgm:if>
      <dgm:else name="Name6"/>
    </dgm:choose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5/8/layout/pList2">
  <dgm:title val=""/>
  <dgm:desc val=""/>
  <dgm:catLst>
    <dgm:cat type="list" pri="11000"/>
    <dgm:cat type="picture" pri="24000"/>
    <dgm:cat type="pictureconvert" pri="24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resizeHandles val="exact"/>
    </dgm:varLst>
    <dgm:alg type="composite"/>
    <dgm:shape xmlns:r="http://schemas.openxmlformats.org/officeDocument/2006/relationships" r:blip="">
      <dgm:adjLst/>
    </dgm:shape>
    <dgm:presOf/>
    <dgm:constrLst>
      <dgm:constr type="w" for="ch" forName="bkgdShp" refType="w"/>
      <dgm:constr type="h" for="ch" forName="bkgdShp" refType="h" fact="0.45"/>
      <dgm:constr type="t" for="ch" forName="bkgdShp"/>
      <dgm:constr type="w" for="ch" forName="linComp" refType="w" fact="0.94"/>
      <dgm:constr type="h" for="ch" forName="linComp" refType="h"/>
      <dgm:constr type="ctrX" for="ch" forName="linComp" refType="w" fact="0.5"/>
    </dgm:constrLst>
    <dgm:ruleLst/>
    <dgm:choose name="Name1">
      <dgm:if name="Name2" axis="ch" ptType="node" func="cnt" op="gte" val="1">
        <dgm:layoutNode name="bkgdShp" styleLbl="alignAccFollowNode1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/>
          <dgm:constrLst/>
          <dgm:ruleLst/>
        </dgm:layoutNode>
        <dgm:layoutNode name="linComp">
          <dgm:choose name="Name3">
            <dgm:if name="Name4" func="var" arg="dir" op="equ" val="norm">
              <dgm:alg type="lin"/>
            </dgm:if>
            <dgm:else name="Name5">
              <dgm:alg type="lin">
                <dgm:param type="linDir" val="fromR"/>
              </dgm:alg>
            </dgm:else>
          </dgm:choose>
          <dgm:shape xmlns:r="http://schemas.openxmlformats.org/officeDocument/2006/relationships" r:blip="">
            <dgm:adjLst/>
          </dgm:shape>
          <dgm:presOf/>
          <dgm:constrLst>
            <dgm:constr type="w" for="ch" forName="compNode" refType="w"/>
            <dgm:constr type="h" for="ch" forName="compNode" refType="h"/>
            <dgm:constr type="w" for="ch" ptType="sibTrans" refType="w" refFor="ch" refForName="compNode" fact="0.1"/>
            <dgm:constr type="h" for="ch" ptType="sibTrans" op="equ"/>
            <dgm:constr type="h" for="ch" forName="compNode" op="equ"/>
            <dgm:constr type="primFontSz" for="des" forName="node" op="equ"/>
          </dgm:constrLst>
          <dgm:ruleLst/>
          <dgm:forEach name="nodesForEach" axis="ch" ptType="node">
            <dgm:layoutNode name="compNode">
              <dgm:alg type="composite"/>
              <dgm:shape xmlns:r="http://schemas.openxmlformats.org/officeDocument/2006/relationships" r:blip="">
                <dgm:adjLst/>
              </dgm:shape>
              <dgm:presOf/>
              <dgm:constrLst>
                <dgm:constr type="w" for="ch" forName="node" refType="w"/>
                <dgm:constr type="h" for="ch" forName="node" refType="h" fact="0.55"/>
                <dgm:constr type="b" for="ch" forName="node" refType="h"/>
                <dgm:constr type="w" for="ch" forName="invisiNode" refType="w" fact="0.75"/>
                <dgm:constr type="h" for="ch" forName="invisiNode" refType="h" fact="0.06"/>
                <dgm:constr type="t" for="ch" forName="invisiNode"/>
                <dgm:constr type="w" for="ch" forName="imagNode" refType="w"/>
                <dgm:constr type="h" for="ch" forName="imagNode" refType="h" fact="0.33"/>
                <dgm:constr type="ctrX" for="ch" forName="imagNode" refType="w" fact="0.5"/>
                <dgm:constr type="t" for="ch" forName="imagNode" refType="h" fact="0.06"/>
              </dgm:constrLst>
              <dgm:ruleLst/>
              <dgm:layoutNode name="node" styleLbl="node1">
                <dgm:varLst>
                  <dgm:bulletEnabled val="1"/>
                </dgm:varLst>
                <dgm:alg type="tx">
                  <dgm:param type="txAnchorVert" val="t"/>
                </dgm:alg>
                <dgm:shape xmlns:r="http://schemas.openxmlformats.org/officeDocument/2006/relationships" rot="180" type="round2SameRect" r:blip="">
                  <dgm:adjLst>
                    <dgm:adj idx="1" val="0.105"/>
                  </dgm:adjLst>
                </dgm:shape>
                <dgm:presOf axis="desOrSelf" ptType="node"/>
                <dgm:constrLst>
                  <dgm:constr type="primFontSz" val="65"/>
                </dgm:constrLst>
                <dgm:ruleLst>
                  <dgm:rule type="primFontSz" val="5" fact="NaN" max="NaN"/>
                </dgm:ruleLst>
              </dgm:layoutNode>
              <dgm:layoutNode name="invisiNode">
                <dgm:alg type="sp"/>
                <dgm:shape xmlns:r="http://schemas.openxmlformats.org/officeDocument/2006/relationships" type="roundRect" r:blip="" hideGeom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  <dgm:layoutNode name="imagNode" styleLbl="fgImgPlace1">
                <dgm:alg type="sp"/>
                <dgm:shape xmlns:r="http://schemas.openxmlformats.org/officeDocument/2006/relationships" type="roundRect" r:blip="" zOrderOff="-2" blipPhldr="1">
                  <dgm:adjLst>
                    <dgm:adj idx="1" val="0.1"/>
                  </dgm:adjLst>
                </dgm:shape>
                <dgm:presOf/>
                <dgm:constrLst/>
                <dgm:ruleLst/>
              </dgm:layoutNode>
            </dgm:layoutNode>
            <dgm:forEach name="sibTransForEach" axis="followSib" ptType="sibTrans" cnt="1">
              <dgm:layoutNode name="sibTrans">
                <dgm:alg type="sp"/>
                <dgm:shape xmlns:r="http://schemas.openxmlformats.org/officeDocument/2006/relationships" type="rect" r:blip="" hideGeom="1">
                  <dgm:adjLst/>
                </dgm:shape>
                <dgm:presOf axis="self"/>
                <dgm:constrLst/>
                <dgm:ruleLst/>
              </dgm:layoutNode>
            </dgm:forEach>
          </dgm:forEach>
        </dgm:layoutNode>
      </dgm:if>
      <dgm:else name="Name6"/>
    </dgm:choose>
  </dgm:layoutNode>
</dgm:layoutDef>
</file>

<file path=ppt/diagrams/layout7.xml><?xml version="1.0" encoding="utf-8"?>
<dgm:layoutDef xmlns:dgm="http://schemas.openxmlformats.org/drawingml/2006/diagram" xmlns:a="http://schemas.openxmlformats.org/drawingml/2006/main" uniqueId="urn:microsoft.com/office/officeart/2005/8/layout/vList4">
  <dgm:title val=""/>
  <dgm:desc val=""/>
  <dgm:catLst>
    <dgm:cat type="list" pri="13000"/>
    <dgm:cat type="picture" pri="26000"/>
    <dgm:cat type="pictureconvert" pri="26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14" srcId="1" destId="12" srcOrd="0" destOrd="0"/>
        <dgm:cxn modelId="23" srcId="2" destId="21" srcOrd="0" destOrd="0"/>
        <dgm:cxn modelId="24" srcId="2" destId="22" srcOrd="0" destOrd="0"/>
        <dgm:cxn modelId="33" srcId="3" destId="31" srcOrd="0" destOrd="0"/>
        <dgm:cxn modelId="34" srcId="3" destId="32" srcOrd="0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resizeHandles val="exact"/>
    </dgm:varLst>
    <dgm:alg type="lin">
      <dgm:param type="linDir" val="fromT"/>
      <dgm:param type="vertAlign" val="t"/>
    </dgm:alg>
    <dgm:shape xmlns:r="http://schemas.openxmlformats.org/officeDocument/2006/relationships" r:blip="">
      <dgm:adjLst/>
    </dgm:shape>
    <dgm:presOf/>
    <dgm:constrLst>
      <dgm:constr type="w" for="ch" forName="comp" refType="w"/>
      <dgm:constr type="h" for="ch" forName="comp" refType="h"/>
      <dgm:constr type="h" for="ch" forName="spacer" refType="h" refFor="ch" refForName="comp" op="equ" fact="0.1"/>
      <dgm:constr type="primFontSz" for="des" forName="text" op="equ" val="65"/>
    </dgm:constrLst>
    <dgm:ruleLst/>
    <dgm:forEach name="Name0" axis="ch" ptType="node">
      <dgm:layoutNode name="comp" styleLbl="node1">
        <dgm:alg type="composite"/>
        <dgm:shape xmlns:r="http://schemas.openxmlformats.org/officeDocument/2006/relationships" r:blip="">
          <dgm:adjLst/>
        </dgm:shape>
        <dgm:presOf/>
        <dgm:choose name="Name1">
          <dgm:if name="Name2" func="var" arg="dir" op="equ" val="norm">
            <dgm:constrLst>
              <dgm:constr type="h" for="ch" forName="box" refType="h"/>
              <dgm:constr type="w" for="ch" forName="box" refType="w"/>
              <dgm:constr type="w" for="ch" forName="img" refType="w" refFor="ch" refForName="box" fact="0.2"/>
              <dgm:constr type="h" for="ch" forName="img" refType="h" refFor="ch" refForName="box" fact="0.8"/>
              <dgm:constr type="t" for="ch" forName="img" refType="h" refFor="ch" refForName="box" fact="0.1"/>
              <dgm:constr type="l" for="ch" forName="img" refType="h" refFor="ch" refForName="box" fact="0.1"/>
              <dgm:constr type="h" for="ch" forName="text" refType="h"/>
              <dgm:constr type="l" for="ch" forName="text" refType="r" refFor="ch" refForName="img"/>
              <dgm:constr type="r" for="ch" forName="text" refType="w"/>
            </dgm:constrLst>
          </dgm:if>
          <dgm:else name="Name3">
            <dgm:constrLst>
              <dgm:constr type="h" for="ch" forName="box" refType="h"/>
              <dgm:constr type="w" for="ch" forName="box" refType="w"/>
              <dgm:constr type="w" for="ch" forName="img" refType="w" refFor="ch" refForName="box" fact="0.2"/>
              <dgm:constr type="h" for="ch" forName="img" refType="h" refFor="ch" refForName="box" fact="0.8"/>
              <dgm:constr type="t" for="ch" forName="img" refType="h" refFor="ch" refForName="box" fact="0.1"/>
              <dgm:constr type="r" for="ch" forName="img" refType="w" refFor="ch" refForName="box"/>
              <dgm:constr type="rOff" for="ch" forName="img" refType="h" refFor="ch" refForName="box" fact="-0.1"/>
              <dgm:constr type="h" for="ch" forName="text" refType="h"/>
              <dgm:constr type="r" for="ch" forName="text" refType="l" refFor="ch" refForName="img"/>
              <dgm:constr type="l" for="ch" forName="text"/>
            </dgm:constrLst>
          </dgm:else>
        </dgm:choose>
        <dgm:ruleLst/>
        <dgm:layoutNode name="box" styleLbl="node1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 axis="desOrSelf" ptType="node"/>
          <dgm:constrLst/>
          <dgm:ruleLst/>
        </dgm:layoutNode>
        <dgm:layoutNode name="img" styleLbl="fgImgPlace1">
          <dgm:alg type="sp"/>
          <dgm:shape xmlns:r="http://schemas.openxmlformats.org/officeDocument/2006/relationships" type="roundRect" r:blip="" blipPhldr="1">
            <dgm:adjLst>
              <dgm:adj idx="1" val="0.1"/>
            </dgm:adjLst>
          </dgm:shape>
          <dgm:presOf/>
          <dgm:constrLst/>
          <dgm:ruleLst/>
        </dgm:layoutNode>
        <dgm:layoutNode name="text">
          <dgm:varLst>
            <dgm:bulletEnabled val="1"/>
          </dgm:varLst>
          <dgm:alg type="tx">
            <dgm:param type="parTxLTRAlign" val="l"/>
            <dgm:param type="parTxRTLAlign" val="r"/>
          </dgm:alg>
          <dgm:shape xmlns:r="http://schemas.openxmlformats.org/officeDocument/2006/relationships" type="rect" r:blip="" hideGeom="1">
            <dgm:adjLst/>
          </dgm:shape>
          <dgm:presOf axis="desOrSelf" ptType="node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</dgm:layoutNode>
      <dgm:forEach name="Name4" axis="followSib" ptType="sibTrans" cnt="1">
        <dgm:layoutNode name="spacer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layout8.xml><?xml version="1.0" encoding="utf-8"?>
<dgm:layoutDef xmlns:dgm="http://schemas.openxmlformats.org/drawingml/2006/diagram" xmlns:a="http://schemas.openxmlformats.org/drawingml/2006/main" uniqueId="urn:microsoft.com/office/officeart/2005/8/layout/vList4">
  <dgm:title val=""/>
  <dgm:desc val=""/>
  <dgm:catLst>
    <dgm:cat type="list" pri="13000"/>
    <dgm:cat type="picture" pri="26000"/>
    <dgm:cat type="pictureconvert" pri="26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14" srcId="1" destId="12" srcOrd="0" destOrd="0"/>
        <dgm:cxn modelId="23" srcId="2" destId="21" srcOrd="0" destOrd="0"/>
        <dgm:cxn modelId="24" srcId="2" destId="22" srcOrd="0" destOrd="0"/>
        <dgm:cxn modelId="33" srcId="3" destId="31" srcOrd="0" destOrd="0"/>
        <dgm:cxn modelId="34" srcId="3" destId="32" srcOrd="0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resizeHandles val="exact"/>
    </dgm:varLst>
    <dgm:alg type="lin">
      <dgm:param type="linDir" val="fromT"/>
      <dgm:param type="vertAlign" val="t"/>
    </dgm:alg>
    <dgm:shape xmlns:r="http://schemas.openxmlformats.org/officeDocument/2006/relationships" r:blip="">
      <dgm:adjLst/>
    </dgm:shape>
    <dgm:presOf/>
    <dgm:constrLst>
      <dgm:constr type="w" for="ch" forName="comp" refType="w"/>
      <dgm:constr type="h" for="ch" forName="comp" refType="h"/>
      <dgm:constr type="h" for="ch" forName="spacer" refType="h" refFor="ch" refForName="comp" op="equ" fact="0.1"/>
      <dgm:constr type="primFontSz" for="des" forName="text" op="equ" val="65"/>
    </dgm:constrLst>
    <dgm:ruleLst/>
    <dgm:forEach name="Name0" axis="ch" ptType="node">
      <dgm:layoutNode name="comp" styleLbl="node1">
        <dgm:alg type="composite"/>
        <dgm:shape xmlns:r="http://schemas.openxmlformats.org/officeDocument/2006/relationships" r:blip="">
          <dgm:adjLst/>
        </dgm:shape>
        <dgm:presOf/>
        <dgm:choose name="Name1">
          <dgm:if name="Name2" func="var" arg="dir" op="equ" val="norm">
            <dgm:constrLst>
              <dgm:constr type="h" for="ch" forName="box" refType="h"/>
              <dgm:constr type="w" for="ch" forName="box" refType="w"/>
              <dgm:constr type="w" for="ch" forName="img" refType="w" refFor="ch" refForName="box" fact="0.2"/>
              <dgm:constr type="h" for="ch" forName="img" refType="h" refFor="ch" refForName="box" fact="0.8"/>
              <dgm:constr type="t" for="ch" forName="img" refType="h" refFor="ch" refForName="box" fact="0.1"/>
              <dgm:constr type="l" for="ch" forName="img" refType="h" refFor="ch" refForName="box" fact="0.1"/>
              <dgm:constr type="h" for="ch" forName="text" refType="h"/>
              <dgm:constr type="l" for="ch" forName="text" refType="r" refFor="ch" refForName="img"/>
              <dgm:constr type="r" for="ch" forName="text" refType="w"/>
            </dgm:constrLst>
          </dgm:if>
          <dgm:else name="Name3">
            <dgm:constrLst>
              <dgm:constr type="h" for="ch" forName="box" refType="h"/>
              <dgm:constr type="w" for="ch" forName="box" refType="w"/>
              <dgm:constr type="w" for="ch" forName="img" refType="w" refFor="ch" refForName="box" fact="0.2"/>
              <dgm:constr type="h" for="ch" forName="img" refType="h" refFor="ch" refForName="box" fact="0.8"/>
              <dgm:constr type="t" for="ch" forName="img" refType="h" refFor="ch" refForName="box" fact="0.1"/>
              <dgm:constr type="r" for="ch" forName="img" refType="w" refFor="ch" refForName="box"/>
              <dgm:constr type="rOff" for="ch" forName="img" refType="h" refFor="ch" refForName="box" fact="-0.1"/>
              <dgm:constr type="h" for="ch" forName="text" refType="h"/>
              <dgm:constr type="r" for="ch" forName="text" refType="l" refFor="ch" refForName="img"/>
              <dgm:constr type="l" for="ch" forName="text"/>
            </dgm:constrLst>
          </dgm:else>
        </dgm:choose>
        <dgm:ruleLst/>
        <dgm:layoutNode name="box" styleLbl="node1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 axis="desOrSelf" ptType="node"/>
          <dgm:constrLst/>
          <dgm:ruleLst/>
        </dgm:layoutNode>
        <dgm:layoutNode name="img" styleLbl="fgImgPlace1">
          <dgm:alg type="sp"/>
          <dgm:shape xmlns:r="http://schemas.openxmlformats.org/officeDocument/2006/relationships" type="roundRect" r:blip="" blipPhldr="1">
            <dgm:adjLst>
              <dgm:adj idx="1" val="0.1"/>
            </dgm:adjLst>
          </dgm:shape>
          <dgm:presOf/>
          <dgm:constrLst/>
          <dgm:ruleLst/>
        </dgm:layoutNode>
        <dgm:layoutNode name="text">
          <dgm:varLst>
            <dgm:bulletEnabled val="1"/>
          </dgm:varLst>
          <dgm:alg type="tx">
            <dgm:param type="parTxLTRAlign" val="l"/>
            <dgm:param type="parTxRTLAlign" val="r"/>
          </dgm:alg>
          <dgm:shape xmlns:r="http://schemas.openxmlformats.org/officeDocument/2006/relationships" type="rect" r:blip="" hideGeom="1">
            <dgm:adjLst/>
          </dgm:shape>
          <dgm:presOf axis="desOrSelf" ptType="node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</dgm:layoutNode>
      <dgm:forEach name="Name4" axis="followSib" ptType="sibTrans" cnt="1">
        <dgm:layoutNode name="spacer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2">
  <dgm:title val=""/>
  <dgm:desc val=""/>
  <dgm:catLst>
    <dgm:cat type="simple" pri="102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3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7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8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Kopfzeilenplatzhalt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3" name="Datumsplatzhalt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20F499D-9592-6C40-8B1E-B6793B2B81B7}" type="datetimeFigureOut">
              <a:rPr lang="de-DE" smtClean="0"/>
              <a:pPr/>
              <a:t>14.12.2023</a:t>
            </a:fld>
            <a:endParaRPr lang="de-DE"/>
          </a:p>
        </p:txBody>
      </p:sp>
      <p:sp>
        <p:nvSpPr>
          <p:cNvPr id="4" name="Fußzeilenplatzhalt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5" name="Foliennummernplatzhalt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D27507D3-E97E-BF4A-841F-4306827097F7}" type="slidenum">
              <a:rPr lang="de-DE" smtClean="0"/>
              <a:pPr/>
              <a:t>‹Nr.›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607885020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Kopfzeilenplatzhalt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3" name="Datumsplatzhalt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3AA6AADE-934C-8243-A502-3A0DD498B83A}" type="datetimeFigureOut">
              <a:rPr lang="de-DE" smtClean="0"/>
              <a:pPr/>
              <a:t>14.12.2023</a:t>
            </a:fld>
            <a:endParaRPr lang="de-DE"/>
          </a:p>
        </p:txBody>
      </p:sp>
      <p:sp>
        <p:nvSpPr>
          <p:cNvPr id="4" name="Folienbildplatzhalt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de-DE"/>
          </a:p>
        </p:txBody>
      </p:sp>
      <p:sp>
        <p:nvSpPr>
          <p:cNvPr id="5" name="Notizenplatzhalt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de-DE"/>
              <a:t>Mastertextformat bearbeiten</a:t>
            </a:r>
          </a:p>
          <a:p>
            <a:pPr lvl="1"/>
            <a:r>
              <a:rPr lang="de-DE"/>
              <a:t>Zweite Ebene</a:t>
            </a:r>
          </a:p>
          <a:p>
            <a:pPr lvl="2"/>
            <a:r>
              <a:rPr lang="de-DE"/>
              <a:t>Dritte Ebene</a:t>
            </a:r>
          </a:p>
          <a:p>
            <a:pPr lvl="3"/>
            <a:r>
              <a:rPr lang="de-DE"/>
              <a:t>Vierte Ebene</a:t>
            </a:r>
          </a:p>
          <a:p>
            <a:pPr lvl="4"/>
            <a:r>
              <a:rPr lang="de-DE"/>
              <a:t>Fünfte Ebene</a:t>
            </a:r>
          </a:p>
        </p:txBody>
      </p:sp>
      <p:sp>
        <p:nvSpPr>
          <p:cNvPr id="6" name="Fußzeilenplatzhalt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de-DE"/>
          </a:p>
        </p:txBody>
      </p:sp>
      <p:sp>
        <p:nvSpPr>
          <p:cNvPr id="7" name="Foliennummernplatzhalt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4958C82-1522-084C-9BFE-841733B9AF15}" type="slidenum">
              <a:rPr lang="de-DE" smtClean="0"/>
              <a:pPr/>
              <a:t>‹Nr.›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989405840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233145421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5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264507315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6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103578583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7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45233543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8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586778397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9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22063898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20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419161455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2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72152845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01471230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934134959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76281442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0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47151620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1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658599855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2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73566546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3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3997248272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olienbildplatzhalt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izenplatzhalt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de-DE"/>
          </a:p>
        </p:txBody>
      </p:sp>
      <p:sp>
        <p:nvSpPr>
          <p:cNvPr id="4" name="Foliennummernplatzhalt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4958C82-1522-084C-9BFE-841733B9AF15}" type="slidenum">
              <a:rPr lang="de-DE" smtClean="0"/>
              <a:pPr/>
              <a:t>14</a:t>
            </a:fld>
            <a:endParaRPr lang="de-DE"/>
          </a:p>
        </p:txBody>
      </p:sp>
    </p:spTree>
    <p:extLst>
      <p:ext uri="{BB962C8B-B14F-4D97-AF65-F5344CB8AC3E}">
        <p14:creationId xmlns:p14="http://schemas.microsoft.com/office/powerpoint/2010/main" val="266012933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elfoli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 hasCustomPrompt="1"/>
          </p:nvPr>
        </p:nvSpPr>
        <p:spPr>
          <a:xfrm>
            <a:off x="3600000" y="3420000"/>
            <a:ext cx="4191000" cy="1447800"/>
          </a:xfrm>
          <a:prstGeom prst="rect">
            <a:avLst/>
          </a:prstGeom>
        </p:spPr>
        <p:txBody>
          <a:bodyPr lIns="0" tIns="0" rIns="0" bIns="0" anchor="ctr"/>
          <a:lstStyle>
            <a:lvl1pPr algn="l">
              <a:defRPr sz="300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Titelthema</a:t>
            </a:r>
            <a:br>
              <a:rPr lang="de-DE" dirty="0"/>
            </a:br>
            <a:r>
              <a:rPr lang="de-DE" dirty="0"/>
              <a:t>der Präsentation</a:t>
            </a:r>
            <a:br>
              <a:rPr lang="de-DE" dirty="0"/>
            </a:br>
            <a:r>
              <a:rPr lang="de-DE" dirty="0"/>
              <a:t>auch dreizeilig</a:t>
            </a:r>
          </a:p>
        </p:txBody>
      </p:sp>
      <p:sp>
        <p:nvSpPr>
          <p:cNvPr id="6" name="Bildplatzhalter 5"/>
          <p:cNvSpPr>
            <a:spLocks noGrp="1"/>
          </p:cNvSpPr>
          <p:nvPr>
            <p:ph type="pic" sz="quarter" idx="10"/>
          </p:nvPr>
        </p:nvSpPr>
        <p:spPr>
          <a:xfrm>
            <a:off x="0" y="0"/>
            <a:ext cx="9144000" cy="2895600"/>
          </a:xfrm>
          <a:prstGeom prst="rect">
            <a:avLst/>
          </a:prstGeom>
        </p:spPr>
        <p:txBody>
          <a:bodyPr vert="horz" tIns="0" rIns="0" bIns="0" anchor="ctr" anchorCtr="1"/>
          <a:lstStyle>
            <a:lvl1pPr marL="0" indent="0" algn="ctr">
              <a:spcBef>
                <a:spcPts val="0"/>
              </a:spcBef>
              <a:buFontTx/>
              <a:buNone/>
              <a:defRPr sz="2200" b="0" i="0">
                <a:latin typeface="Frutiger CE 45 Light"/>
                <a:cs typeface="Frutiger CE 45 Light"/>
              </a:defRPr>
            </a:lvl1pPr>
          </a:lstStyle>
          <a:p>
            <a:r>
              <a:rPr lang="de-DE"/>
              <a:t>Bild durch Klicken auf Symbol hinzufügen</a:t>
            </a:r>
            <a:endParaRPr lang="de-DE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Folgeseit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itel 1"/>
          <p:cNvSpPr>
            <a:spLocks noGrp="1"/>
          </p:cNvSpPr>
          <p:nvPr>
            <p:ph type="title" hasCustomPrompt="1"/>
          </p:nvPr>
        </p:nvSpPr>
        <p:spPr>
          <a:xfrm>
            <a:off x="457200" y="1447800"/>
            <a:ext cx="4267200" cy="990600"/>
          </a:xfrm>
          <a:prstGeom prst="rect">
            <a:avLst/>
          </a:prstGeom>
        </p:spPr>
        <p:txBody>
          <a:bodyPr lIns="0" tIns="0" rIns="0" bIns="0"/>
          <a:lstStyle>
            <a:lvl1pPr algn="l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defRPr sz="220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Hauptüberschrift Inhalt</a:t>
            </a:r>
            <a:br>
              <a:rPr lang="de-DE" dirty="0"/>
            </a:br>
            <a:r>
              <a:rPr lang="de-DE" dirty="0"/>
              <a:t>auch zweizeilig</a:t>
            </a:r>
          </a:p>
        </p:txBody>
      </p:sp>
      <p:sp>
        <p:nvSpPr>
          <p:cNvPr id="10" name="Textplatzhalter 5"/>
          <p:cNvSpPr>
            <a:spLocks noGrp="1"/>
          </p:cNvSpPr>
          <p:nvPr>
            <p:ph idx="1" hasCustomPrompt="1"/>
          </p:nvPr>
        </p:nvSpPr>
        <p:spPr>
          <a:xfrm>
            <a:off x="457200" y="2438400"/>
            <a:ext cx="4267200" cy="3124200"/>
          </a:xfrm>
          <a:prstGeom prst="rect">
            <a:avLst/>
          </a:prstGeom>
        </p:spPr>
        <p:txBody>
          <a:bodyPr vert="horz" lIns="0" tIns="0" rIns="0" bIns="0" rtlCol="0">
            <a:normAutofit/>
          </a:bodyPr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1700"/>
              </a:spcAft>
              <a:buClrTx/>
              <a:buSzTx/>
              <a:buFont typeface="Symbol" charset="2"/>
              <a:buChar char="-"/>
              <a:tabLst/>
              <a:defRPr sz="1800" b="0" i="0" baseline="0">
                <a:latin typeface="Frutiger CE 55 Roman"/>
                <a:cs typeface="Frutiger CE 55 Roman"/>
              </a:defRPr>
            </a:lvl1pPr>
          </a:lstStyle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1700"/>
              </a:spcAft>
              <a:buClrTx/>
              <a:buSzTx/>
              <a:buFont typeface="Symbol" charset="2"/>
              <a:buChar char="-"/>
              <a:tabLst/>
              <a:defRPr/>
            </a:pPr>
            <a:r>
              <a:rPr lang="de-DE" dirty="0"/>
              <a:t> Inhalt Aufzählung</a:t>
            </a:r>
          </a:p>
          <a:p>
            <a:pPr lvl="0"/>
            <a:endParaRPr lang="de-DE" dirty="0"/>
          </a:p>
        </p:txBody>
      </p:sp>
      <p:sp>
        <p:nvSpPr>
          <p:cNvPr id="14" name="Bildplatzhalter 13"/>
          <p:cNvSpPr>
            <a:spLocks noGrp="1"/>
          </p:cNvSpPr>
          <p:nvPr>
            <p:ph type="pic" sz="quarter" idx="12"/>
          </p:nvPr>
        </p:nvSpPr>
        <p:spPr>
          <a:xfrm>
            <a:off x="5105400" y="1447800"/>
            <a:ext cx="3581400" cy="3962400"/>
          </a:xfrm>
          <a:prstGeom prst="rect">
            <a:avLst/>
          </a:prstGeom>
        </p:spPr>
        <p:txBody>
          <a:bodyPr vert="horz" lIns="0" tIns="0" rIns="0" bIns="0" anchor="ctr" anchorCtr="1"/>
          <a:lstStyle>
            <a:lvl1pPr marL="0" indent="0" algn="ctr">
              <a:spcBef>
                <a:spcPts val="0"/>
              </a:spcBef>
              <a:buFontTx/>
              <a:buNone/>
              <a:defRPr sz="2000" b="0" i="0">
                <a:latin typeface="Frutiger CE 45 Light"/>
                <a:cs typeface="Frutiger CE 45 Light"/>
              </a:defRPr>
            </a:lvl1pPr>
          </a:lstStyle>
          <a:p>
            <a:endParaRPr lang="de-DE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enutzerdefiniertes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platzhalter 5"/>
          <p:cNvSpPr>
            <a:spLocks noGrp="1"/>
          </p:cNvSpPr>
          <p:nvPr>
            <p:ph idx="12" hasCustomPrompt="1"/>
          </p:nvPr>
        </p:nvSpPr>
        <p:spPr>
          <a:xfrm>
            <a:off x="4724400" y="2438400"/>
            <a:ext cx="4267200" cy="3124200"/>
          </a:xfrm>
          <a:prstGeom prst="rect">
            <a:avLst/>
          </a:prstGeom>
        </p:spPr>
        <p:txBody>
          <a:bodyPr vert="horz" lIns="0" tIns="0" rIns="0" bIns="0" rtlCol="0">
            <a:normAutofit/>
          </a:bodyPr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1700"/>
              </a:spcAft>
              <a:buClrTx/>
              <a:buSzTx/>
              <a:buFont typeface="Symbol" charset="2"/>
              <a:buChar char="-"/>
              <a:tabLst/>
              <a:defRPr sz="1800" b="0" i="0" baseline="0">
                <a:latin typeface="Frutiger CE 55 Roman"/>
                <a:cs typeface="Frutiger CE 55 Roman"/>
              </a:defRPr>
            </a:lvl1pPr>
          </a:lstStyle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lvl="0"/>
            <a:r>
              <a:rPr lang="de-DE" dirty="0"/>
              <a:t> Inhalt Aufzählung</a:t>
            </a:r>
          </a:p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1700"/>
              </a:spcAft>
              <a:buClrTx/>
              <a:buSzTx/>
              <a:buFont typeface="Symbol" charset="2"/>
              <a:buChar char="-"/>
              <a:tabLst/>
              <a:defRPr/>
            </a:pPr>
            <a:r>
              <a:rPr lang="de-DE" dirty="0"/>
              <a:t> Inhalt Aufzählung</a:t>
            </a:r>
          </a:p>
          <a:p>
            <a:pPr lvl="0"/>
            <a:endParaRPr lang="de-DE" dirty="0"/>
          </a:p>
        </p:txBody>
      </p:sp>
      <p:sp>
        <p:nvSpPr>
          <p:cNvPr id="8" name="Titel 1"/>
          <p:cNvSpPr>
            <a:spLocks noGrp="1"/>
          </p:cNvSpPr>
          <p:nvPr>
            <p:ph type="title" hasCustomPrompt="1"/>
          </p:nvPr>
        </p:nvSpPr>
        <p:spPr>
          <a:xfrm>
            <a:off x="457200" y="1447800"/>
            <a:ext cx="6553200" cy="609600"/>
          </a:xfrm>
          <a:prstGeom prst="rect">
            <a:avLst/>
          </a:prstGeom>
        </p:spPr>
        <p:txBody>
          <a:bodyPr lIns="0" tIns="0" rIns="0" bIns="0"/>
          <a:lstStyle>
            <a:lvl1pPr algn="l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defRPr sz="220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Hauptüberschrift Inhalt</a:t>
            </a:r>
          </a:p>
        </p:txBody>
      </p:sp>
      <p:sp>
        <p:nvSpPr>
          <p:cNvPr id="13" name="Inhaltsplatzhalter 4"/>
          <p:cNvSpPr>
            <a:spLocks noGrp="1"/>
          </p:cNvSpPr>
          <p:nvPr>
            <p:ph idx="1" hasCustomPrompt="1"/>
          </p:nvPr>
        </p:nvSpPr>
        <p:spPr>
          <a:xfrm>
            <a:off x="323528" y="2438400"/>
            <a:ext cx="4267200" cy="3124200"/>
          </a:xfrm>
          <a:prstGeom prst="rect">
            <a:avLst/>
          </a:prstGeom>
        </p:spPr>
        <p:txBody>
          <a:bodyPr>
            <a:noAutofit/>
          </a:bodyPr>
          <a:lstStyle>
            <a:lvl1pPr marL="0" indent="0">
              <a:buNone/>
              <a:defRPr sz="1800"/>
            </a:lvl1pPr>
          </a:lstStyle>
          <a:p>
            <a:r>
              <a:rPr lang="de-DE" dirty="0"/>
              <a:t>Zeile 1</a:t>
            </a:r>
          </a:p>
          <a:p>
            <a:r>
              <a:rPr lang="de-DE" dirty="0"/>
              <a:t>Zeile 2</a:t>
            </a:r>
          </a:p>
          <a:p>
            <a:r>
              <a:rPr lang="de-DE" dirty="0"/>
              <a:t>Zeile 3</a:t>
            </a:r>
          </a:p>
          <a:p>
            <a:r>
              <a:rPr lang="de-DE" dirty="0"/>
              <a:t>Zeile 4</a:t>
            </a:r>
          </a:p>
          <a:p>
            <a:r>
              <a:rPr lang="de-DE" dirty="0"/>
              <a:t>Zeile 5</a:t>
            </a:r>
          </a:p>
          <a:p>
            <a:r>
              <a:rPr lang="de-DE" dirty="0"/>
              <a:t>Zeile 6</a:t>
            </a:r>
          </a:p>
          <a:p>
            <a:r>
              <a:rPr lang="de-DE" dirty="0"/>
              <a:t> Zeile 7</a:t>
            </a:r>
          </a:p>
          <a:p>
            <a:endParaRPr lang="de-DE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Benutzerdefiniertes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platzhalter 5"/>
          <p:cNvSpPr>
            <a:spLocks noGrp="1"/>
          </p:cNvSpPr>
          <p:nvPr>
            <p:ph idx="12" hasCustomPrompt="1"/>
          </p:nvPr>
        </p:nvSpPr>
        <p:spPr>
          <a:xfrm>
            <a:off x="457200" y="2438400"/>
            <a:ext cx="8229600" cy="3505200"/>
          </a:xfrm>
          <a:prstGeom prst="rect">
            <a:avLst/>
          </a:prstGeom>
        </p:spPr>
        <p:txBody>
          <a:bodyPr vert="horz" lIns="0" tIns="0" rIns="0" bIns="0" rtlCol="0" anchor="ctr">
            <a:normAutofit/>
          </a:bodyPr>
          <a:lstStyle>
            <a:lvl1pPr marL="0" marR="0" indent="0" algn="ctr" defTabSz="4572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 typeface="Symbol" charset="2"/>
              <a:buNone/>
              <a:tabLst/>
              <a:defRPr sz="1800" b="0" i="0" baseline="0">
                <a:latin typeface="Frutiger CE 45 Light"/>
                <a:cs typeface="Frutiger CE 45 Light"/>
              </a:defRPr>
            </a:lvl1pPr>
          </a:lstStyle>
          <a:p>
            <a:pPr lvl="0"/>
            <a:r>
              <a:rPr lang="de-DE" dirty="0"/>
              <a:t>Grafik bzw. Tabelle einfügen</a:t>
            </a:r>
          </a:p>
        </p:txBody>
      </p:sp>
      <p:sp>
        <p:nvSpPr>
          <p:cNvPr id="6" name="Titel 1"/>
          <p:cNvSpPr>
            <a:spLocks noGrp="1"/>
          </p:cNvSpPr>
          <p:nvPr>
            <p:ph type="title" hasCustomPrompt="1"/>
          </p:nvPr>
        </p:nvSpPr>
        <p:spPr>
          <a:xfrm>
            <a:off x="457200" y="1447800"/>
            <a:ext cx="6553200" cy="609600"/>
          </a:xfrm>
          <a:prstGeom prst="rect">
            <a:avLst/>
          </a:prstGeom>
        </p:spPr>
        <p:txBody>
          <a:bodyPr lIns="0" tIns="0" rIns="0" bIns="0"/>
          <a:lstStyle>
            <a:lvl1pPr algn="l">
              <a:lnSpc>
                <a:spcPts val="2400"/>
              </a:lnSpc>
              <a:spcBef>
                <a:spcPts val="0"/>
              </a:spcBef>
              <a:spcAft>
                <a:spcPts val="0"/>
              </a:spcAft>
              <a:defRPr sz="2200" b="0" i="0">
                <a:latin typeface="Frutiger CE 55 Roman"/>
                <a:cs typeface="Frutiger CE 55 Roman"/>
              </a:defRPr>
            </a:lvl1pPr>
          </a:lstStyle>
          <a:p>
            <a:r>
              <a:rPr lang="de-DE" dirty="0"/>
              <a:t>Hauptüberschrift Inhalt</a:t>
            </a:r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g"/><Relationship Id="rId2" Type="http://schemas.openxmlformats.org/officeDocument/2006/relationships/theme" Target="../theme/theme1.xml"/><Relationship Id="rId1" Type="http://schemas.openxmlformats.org/officeDocument/2006/relationships/slideLayout" Target="../slideLayouts/slideLayout1.xml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4.xml"/><Relationship Id="rId2" Type="http://schemas.openxmlformats.org/officeDocument/2006/relationships/slideLayout" Target="../slideLayouts/slideLayout3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.jpg"/><Relationship Id="rId4" Type="http://schemas.openxmlformats.org/officeDocument/2006/relationships/theme" Target="../theme/theme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Grafik 1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843808" y="5373216"/>
            <a:ext cx="3504410" cy="720000"/>
          </a:xfrm>
          <a:prstGeom prst="rect">
            <a:avLst/>
          </a:prstGeom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</p:sldLayoutIdLst>
  <p:hf hdr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8" name="Gerade Verbindung 7"/>
          <p:cNvCxnSpPr/>
          <p:nvPr userDrawn="1"/>
        </p:nvCxnSpPr>
        <p:spPr>
          <a:xfrm>
            <a:off x="457200" y="760412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itel 1"/>
          <p:cNvSpPr txBox="1">
            <a:spLocks/>
          </p:cNvSpPr>
          <p:nvPr userDrawn="1"/>
        </p:nvSpPr>
        <p:spPr>
          <a:xfrm>
            <a:off x="457200" y="304800"/>
            <a:ext cx="5562600" cy="304800"/>
          </a:xfrm>
          <a:prstGeom prst="rect">
            <a:avLst/>
          </a:prstGeom>
        </p:spPr>
        <p:txBody>
          <a:bodyPr lIns="0" tIns="0" rIns="0" bIns="0" anchor="ctr"/>
          <a:lstStyle/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de-DE" sz="1200" b="0" i="0" u="none" strike="noStrike" kern="1200" cap="none" spc="0" normalizeH="0" baseline="0" noProof="0" dirty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Frutiger CE 55 Roman"/>
                <a:ea typeface="+mj-ea"/>
                <a:cs typeface="Frutiger CE 55 Roman"/>
              </a:rPr>
              <a:t>Einheiten im Hilfeleistungseinsatz</a:t>
            </a:r>
          </a:p>
        </p:txBody>
      </p:sp>
      <p:cxnSp>
        <p:nvCxnSpPr>
          <p:cNvPr id="12" name="Gerade Verbindung 11"/>
          <p:cNvCxnSpPr/>
          <p:nvPr userDrawn="1"/>
        </p:nvCxnSpPr>
        <p:spPr>
          <a:xfrm>
            <a:off x="457200" y="6172200"/>
            <a:ext cx="8229600" cy="1588"/>
          </a:xfrm>
          <a:prstGeom prst="line">
            <a:avLst/>
          </a:prstGeom>
          <a:ln w="3175" cap="flat" cmpd="sng" algn="ctr">
            <a:solidFill>
              <a:srgbClr val="646464"/>
            </a:solidFill>
            <a:prstDash val="solid"/>
            <a:round/>
            <a:headEnd type="none" w="med" len="med"/>
            <a:tailEnd type="none" w="med" len="med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2" name="Grafik 1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49034" y="224688"/>
            <a:ext cx="1927422" cy="396000"/>
          </a:xfrm>
          <a:prstGeom prst="rect">
            <a:avLst/>
          </a:prstGeom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678" r:id="rId1"/>
    <p:sldLayoutId id="2147483679" r:id="rId2"/>
    <p:sldLayoutId id="2147483680" r:id="rId3"/>
  </p:sldLayoutIdLst>
  <p:hf hdr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de-DE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5" Type="http://schemas.openxmlformats.org/officeDocument/2006/relationships/image" Target="../media/image3.png"/><Relationship Id="rId4" Type="http://schemas.openxmlformats.org/officeDocument/2006/relationships/image" Target="../media/image2.jpg"/></Relationships>
</file>

<file path=ppt/slides/_rels/slide10.xml.rels><?xml version="1.0" encoding="UTF-8" standalone="yes"?>
<Relationships xmlns="http://schemas.openxmlformats.org/package/2006/relationships"><Relationship Id="rId8" Type="http://schemas.microsoft.com/office/2007/relationships/diagramDrawing" Target="../diagrams/drawing2.xml"/><Relationship Id="rId3" Type="http://schemas.openxmlformats.org/officeDocument/2006/relationships/notesSlide" Target="../notesSlides/notesSlide5.xml"/><Relationship Id="rId7" Type="http://schemas.openxmlformats.org/officeDocument/2006/relationships/diagramColors" Target="../diagrams/colors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Relationship Id="rId6" Type="http://schemas.openxmlformats.org/officeDocument/2006/relationships/diagramQuickStyle" Target="../diagrams/quickStyle2.xml"/><Relationship Id="rId5" Type="http://schemas.openxmlformats.org/officeDocument/2006/relationships/diagramLayout" Target="../diagrams/layout2.xml"/><Relationship Id="rId4" Type="http://schemas.openxmlformats.org/officeDocument/2006/relationships/diagramData" Target="../diagrams/data2.xml"/></Relationships>
</file>

<file path=ppt/slides/_rels/slide11.xml.rels><?xml version="1.0" encoding="UTF-8" standalone="yes"?>
<Relationships xmlns="http://schemas.openxmlformats.org/package/2006/relationships"><Relationship Id="rId8" Type="http://schemas.microsoft.com/office/2007/relationships/diagramDrawing" Target="../diagrams/drawing3.xml"/><Relationship Id="rId3" Type="http://schemas.openxmlformats.org/officeDocument/2006/relationships/notesSlide" Target="../notesSlides/notesSlide6.xml"/><Relationship Id="rId7" Type="http://schemas.openxmlformats.org/officeDocument/2006/relationships/diagramColors" Target="../diagrams/colors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7.xml"/><Relationship Id="rId6" Type="http://schemas.openxmlformats.org/officeDocument/2006/relationships/diagramQuickStyle" Target="../diagrams/quickStyle3.xml"/><Relationship Id="rId5" Type="http://schemas.openxmlformats.org/officeDocument/2006/relationships/diagramLayout" Target="../diagrams/layout3.xml"/><Relationship Id="rId4" Type="http://schemas.openxmlformats.org/officeDocument/2006/relationships/diagramData" Target="../diagrams/data3.xml"/></Relationships>
</file>

<file path=ppt/slides/_rels/slide12.xml.rels><?xml version="1.0" encoding="UTF-8" standalone="yes"?>
<Relationships xmlns="http://schemas.openxmlformats.org/package/2006/relationships"><Relationship Id="rId8" Type="http://schemas.microsoft.com/office/2007/relationships/diagramDrawing" Target="../diagrams/drawing4.xml"/><Relationship Id="rId3" Type="http://schemas.openxmlformats.org/officeDocument/2006/relationships/notesSlide" Target="../notesSlides/notesSlide7.xml"/><Relationship Id="rId7" Type="http://schemas.openxmlformats.org/officeDocument/2006/relationships/diagramColors" Target="../diagrams/colors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8.xml"/><Relationship Id="rId6" Type="http://schemas.openxmlformats.org/officeDocument/2006/relationships/diagramQuickStyle" Target="../diagrams/quickStyle4.xml"/><Relationship Id="rId5" Type="http://schemas.openxmlformats.org/officeDocument/2006/relationships/diagramLayout" Target="../diagrams/layout4.xml"/><Relationship Id="rId10" Type="http://schemas.openxmlformats.org/officeDocument/2006/relationships/image" Target="../media/image17.jpg"/><Relationship Id="rId4" Type="http://schemas.openxmlformats.org/officeDocument/2006/relationships/diagramData" Target="../diagrams/data4.xml"/><Relationship Id="rId9" Type="http://schemas.openxmlformats.org/officeDocument/2006/relationships/image" Target="../media/image16.png"/></Relationships>
</file>

<file path=ppt/slides/_rels/slide13.xml.rels><?xml version="1.0" encoding="UTF-8" standalone="yes"?>
<Relationships xmlns="http://schemas.openxmlformats.org/package/2006/relationships"><Relationship Id="rId8" Type="http://schemas.microsoft.com/office/2007/relationships/diagramDrawing" Target="../diagrams/drawing5.xml"/><Relationship Id="rId3" Type="http://schemas.openxmlformats.org/officeDocument/2006/relationships/notesSlide" Target="../notesSlides/notesSlide8.xml"/><Relationship Id="rId7" Type="http://schemas.openxmlformats.org/officeDocument/2006/relationships/diagramColors" Target="../diagrams/colors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9.xml"/><Relationship Id="rId6" Type="http://schemas.openxmlformats.org/officeDocument/2006/relationships/diagramQuickStyle" Target="../diagrams/quickStyle5.xml"/><Relationship Id="rId5" Type="http://schemas.openxmlformats.org/officeDocument/2006/relationships/diagramLayout" Target="../diagrams/layout5.xml"/><Relationship Id="rId10" Type="http://schemas.openxmlformats.org/officeDocument/2006/relationships/image" Target="../media/image21.png"/><Relationship Id="rId4" Type="http://schemas.openxmlformats.org/officeDocument/2006/relationships/diagramData" Target="../diagrams/data5.xml"/><Relationship Id="rId9" Type="http://schemas.openxmlformats.org/officeDocument/2006/relationships/image" Target="../media/image20.png"/></Relationships>
</file>

<file path=ppt/slides/_rels/slide14.xml.rels><?xml version="1.0" encoding="UTF-8" standalone="yes"?>
<Relationships xmlns="http://schemas.openxmlformats.org/package/2006/relationships"><Relationship Id="rId8" Type="http://schemas.microsoft.com/office/2007/relationships/diagramDrawing" Target="../diagrams/drawing6.xml"/><Relationship Id="rId3" Type="http://schemas.openxmlformats.org/officeDocument/2006/relationships/notesSlide" Target="../notesSlides/notesSlide9.xml"/><Relationship Id="rId7" Type="http://schemas.openxmlformats.org/officeDocument/2006/relationships/diagramColors" Target="../diagrams/colors6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0.xml"/><Relationship Id="rId6" Type="http://schemas.openxmlformats.org/officeDocument/2006/relationships/diagramQuickStyle" Target="../diagrams/quickStyle6.xml"/><Relationship Id="rId5" Type="http://schemas.openxmlformats.org/officeDocument/2006/relationships/diagramLayout" Target="../diagrams/layout6.xml"/><Relationship Id="rId4" Type="http://schemas.openxmlformats.org/officeDocument/2006/relationships/diagramData" Target="../diagrams/data6.xml"/><Relationship Id="rId9" Type="http://schemas.openxmlformats.org/officeDocument/2006/relationships/image" Target="../media/image24.png"/></Relationships>
</file>

<file path=ppt/slides/_rels/slide15.xml.rels><?xml version="1.0" encoding="UTF-8" standalone="yes"?>
<Relationships xmlns="http://schemas.openxmlformats.org/package/2006/relationships"><Relationship Id="rId8" Type="http://schemas.microsoft.com/office/2007/relationships/diagramDrawing" Target="../diagrams/drawing7.xml"/><Relationship Id="rId3" Type="http://schemas.openxmlformats.org/officeDocument/2006/relationships/notesSlide" Target="../notesSlides/notesSlide10.xml"/><Relationship Id="rId7" Type="http://schemas.openxmlformats.org/officeDocument/2006/relationships/diagramColors" Target="../diagrams/colors7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1.xml"/><Relationship Id="rId6" Type="http://schemas.openxmlformats.org/officeDocument/2006/relationships/diagramQuickStyle" Target="../diagrams/quickStyle7.xml"/><Relationship Id="rId5" Type="http://schemas.openxmlformats.org/officeDocument/2006/relationships/diagramLayout" Target="../diagrams/layout7.xml"/><Relationship Id="rId4" Type="http://schemas.openxmlformats.org/officeDocument/2006/relationships/diagramData" Target="../diagrams/data7.xml"/></Relationships>
</file>

<file path=ppt/slides/_rels/slide16.xml.rels><?xml version="1.0" encoding="UTF-8" standalone="yes"?>
<Relationships xmlns="http://schemas.openxmlformats.org/package/2006/relationships"><Relationship Id="rId8" Type="http://schemas.microsoft.com/office/2007/relationships/diagramDrawing" Target="../diagrams/drawing8.xml"/><Relationship Id="rId3" Type="http://schemas.openxmlformats.org/officeDocument/2006/relationships/notesSlide" Target="../notesSlides/notesSlide11.xml"/><Relationship Id="rId7" Type="http://schemas.openxmlformats.org/officeDocument/2006/relationships/diagramColors" Target="../diagrams/colors8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2.xml"/><Relationship Id="rId6" Type="http://schemas.openxmlformats.org/officeDocument/2006/relationships/diagramQuickStyle" Target="../diagrams/quickStyle8.xml"/><Relationship Id="rId5" Type="http://schemas.openxmlformats.org/officeDocument/2006/relationships/diagramLayout" Target="../diagrams/layout8.xml"/><Relationship Id="rId4" Type="http://schemas.openxmlformats.org/officeDocument/2006/relationships/diagramData" Target="../diagrams/data8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3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4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5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6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7.xml"/><Relationship Id="rId4" Type="http://schemas.openxmlformats.org/officeDocument/2006/relationships/image" Target="../media/image25.jpg"/></Relationships>
</file>

<file path=ppt/slides/_rels/slide3.xml.rels><?xml version="1.0" encoding="UTF-8" standalone="yes"?>
<Relationships xmlns="http://schemas.openxmlformats.org/package/2006/relationships"><Relationship Id="rId8" Type="http://schemas.microsoft.com/office/2007/relationships/diagramDrawing" Target="../diagrams/drawing1.xml"/><Relationship Id="rId3" Type="http://schemas.openxmlformats.org/officeDocument/2006/relationships/notesSlide" Target="../notesSlides/notesSlide3.xml"/><Relationship Id="rId7" Type="http://schemas.openxmlformats.org/officeDocument/2006/relationships/diagramColors" Target="../diagrams/colors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4.xml"/><Relationship Id="rId6" Type="http://schemas.openxmlformats.org/officeDocument/2006/relationships/diagramQuickStyle" Target="../diagrams/quickStyle1.xml"/><Relationship Id="rId5" Type="http://schemas.openxmlformats.org/officeDocument/2006/relationships/diagramLayout" Target="../diagrams/layout1.xml"/><Relationship Id="rId4" Type="http://schemas.openxmlformats.org/officeDocument/2006/relationships/diagramData" Target="../diagrams/data1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4" Type="http://schemas.openxmlformats.org/officeDocument/2006/relationships/image" Target="../media/image4.png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ctrTitle"/>
          </p:nvPr>
        </p:nvSpPr>
        <p:spPr>
          <a:xfrm>
            <a:off x="1304855" y="3645024"/>
            <a:ext cx="6279232" cy="1447800"/>
          </a:xfrm>
        </p:spPr>
        <p:txBody>
          <a:bodyPr/>
          <a:lstStyle/>
          <a:p>
            <a:r>
              <a:rPr lang="de-DE" b="1" dirty="0"/>
              <a:t>Technische Hilfeleistung - Grundlagen</a:t>
            </a:r>
            <a:br>
              <a:rPr lang="de-DE" dirty="0"/>
            </a:br>
            <a:r>
              <a:rPr lang="de-DE" sz="2400" dirty="0"/>
              <a:t>Modulare Grundlagenausbildung</a:t>
            </a:r>
            <a:endParaRPr lang="de-DE" dirty="0"/>
          </a:p>
        </p:txBody>
      </p:sp>
      <p:pic>
        <p:nvPicPr>
          <p:cNvPr id="8" name="Bildplatzhalter 7">
            <a:extLst>
              <a:ext uri="{FF2B5EF4-FFF2-40B4-BE49-F238E27FC236}">
                <a16:creationId xmlns:a16="http://schemas.microsoft.com/office/drawing/2014/main" id="{7E4C8976-963B-4071-B840-F63F96AAA298}"/>
              </a:ext>
            </a:extLst>
          </p:cNvPr>
          <p:cNvPicPr>
            <a:picLocks noGrp="1" noChangeAspect="1"/>
          </p:cNvPicPr>
          <p:nvPr>
            <p:ph type="pic" sz="quarter" idx="10"/>
          </p:nvPr>
        </p:nvPicPr>
        <p:blipFill>
          <a:blip r:embed="rId4">
            <a:duotone>
              <a:schemeClr val="accent2">
                <a:shade val="45000"/>
                <a:satMod val="135000"/>
              </a:schemeClr>
              <a:prstClr val="white"/>
            </a:duotone>
          </a:blip>
          <a:srcRect t="7275" b="7275"/>
          <a:stretch>
            <a:fillRect/>
          </a:stretch>
        </p:blipFill>
        <p:spPr>
          <a:xfrm>
            <a:off x="0" y="0"/>
            <a:ext cx="9144000" cy="3498030"/>
          </a:xfrm>
        </p:spPr>
      </p:pic>
      <p:pic>
        <p:nvPicPr>
          <p:cNvPr id="6" name="Grafik 5">
            <a:extLst>
              <a:ext uri="{FF2B5EF4-FFF2-40B4-BE49-F238E27FC236}">
                <a16:creationId xmlns:a16="http://schemas.microsoft.com/office/drawing/2014/main" id="{2BBEB46D-011B-4390-8E81-BBED7EAF1F8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547664" y="0"/>
            <a:ext cx="5793613" cy="349803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spd="slow">
    <p:wipe/>
  </p:transition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Inhaltsplatzhalter 3">
            <a:extLst>
              <a:ext uri="{FF2B5EF4-FFF2-40B4-BE49-F238E27FC236}">
                <a16:creationId xmlns:a16="http://schemas.microsoft.com/office/drawing/2014/main" id="{CA287BAD-3A59-4BFA-ABC3-91C735B084BD}"/>
              </a:ext>
            </a:extLst>
          </p:cNvPr>
          <p:cNvGraphicFramePr>
            <a:graphicFrameLocks noGrp="1"/>
          </p:cNvGraphicFramePr>
          <p:nvPr>
            <p:ph idx="12"/>
            <p:extLst>
              <p:ext uri="{D42A27DB-BD31-4B8C-83A1-F6EECF244321}">
                <p14:modId xmlns:p14="http://schemas.microsoft.com/office/powerpoint/2010/main" val="2904854619"/>
              </p:ext>
            </p:extLst>
          </p:nvPr>
        </p:nvGraphicFramePr>
        <p:xfrm>
          <a:off x="457200" y="1268760"/>
          <a:ext cx="8229600" cy="467484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3" name="Titel 2">
            <a:extLst>
              <a:ext uri="{FF2B5EF4-FFF2-40B4-BE49-F238E27FC236}">
                <a16:creationId xmlns:a16="http://schemas.microsoft.com/office/drawing/2014/main" id="{50E355D3-9336-48AB-AA4A-F84B2D2AD8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836712"/>
            <a:ext cx="6553200" cy="432048"/>
          </a:xfrm>
        </p:spPr>
        <p:txBody>
          <a:bodyPr/>
          <a:lstStyle/>
          <a:p>
            <a:r>
              <a:rPr lang="de-DE" b="1" u="sng" dirty="0"/>
              <a:t>Was brauchen wir?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629629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 uiExpand="1">
        <p:bldSub>
          <a:bldDgm bld="one"/>
        </p:bldSub>
      </p:bldGraphic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Inhaltsplatzhalter 3">
            <a:extLst>
              <a:ext uri="{FF2B5EF4-FFF2-40B4-BE49-F238E27FC236}">
                <a16:creationId xmlns:a16="http://schemas.microsoft.com/office/drawing/2014/main" id="{CA287BAD-3A59-4BFA-ABC3-91C735B084BD}"/>
              </a:ext>
            </a:extLst>
          </p:cNvPr>
          <p:cNvGraphicFramePr>
            <a:graphicFrameLocks noGrp="1"/>
          </p:cNvGraphicFramePr>
          <p:nvPr>
            <p:ph idx="12"/>
            <p:extLst>
              <p:ext uri="{D42A27DB-BD31-4B8C-83A1-F6EECF244321}">
                <p14:modId xmlns:p14="http://schemas.microsoft.com/office/powerpoint/2010/main" val="3443364011"/>
              </p:ext>
            </p:extLst>
          </p:nvPr>
        </p:nvGraphicFramePr>
        <p:xfrm>
          <a:off x="457200" y="1268760"/>
          <a:ext cx="8229600" cy="467484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3" name="Titel 2">
            <a:extLst>
              <a:ext uri="{FF2B5EF4-FFF2-40B4-BE49-F238E27FC236}">
                <a16:creationId xmlns:a16="http://schemas.microsoft.com/office/drawing/2014/main" id="{50E355D3-9336-48AB-AA4A-F84B2D2AD8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836712"/>
            <a:ext cx="6553200" cy="432048"/>
          </a:xfrm>
        </p:spPr>
        <p:txBody>
          <a:bodyPr/>
          <a:lstStyle/>
          <a:p>
            <a:r>
              <a:rPr lang="de-DE" b="1" u="sng" dirty="0"/>
              <a:t>Was brauchen wir?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288805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Inhaltsplatzhalter 3">
            <a:extLst>
              <a:ext uri="{FF2B5EF4-FFF2-40B4-BE49-F238E27FC236}">
                <a16:creationId xmlns:a16="http://schemas.microsoft.com/office/drawing/2014/main" id="{CA287BAD-3A59-4BFA-ABC3-91C735B084BD}"/>
              </a:ext>
            </a:extLst>
          </p:cNvPr>
          <p:cNvGraphicFramePr>
            <a:graphicFrameLocks noGrp="1"/>
          </p:cNvGraphicFramePr>
          <p:nvPr>
            <p:ph idx="12"/>
            <p:extLst>
              <p:ext uri="{D42A27DB-BD31-4B8C-83A1-F6EECF244321}">
                <p14:modId xmlns:p14="http://schemas.microsoft.com/office/powerpoint/2010/main" val="1254684753"/>
              </p:ext>
            </p:extLst>
          </p:nvPr>
        </p:nvGraphicFramePr>
        <p:xfrm>
          <a:off x="457200" y="1268760"/>
          <a:ext cx="8229600" cy="467484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3" name="Titel 2">
            <a:extLst>
              <a:ext uri="{FF2B5EF4-FFF2-40B4-BE49-F238E27FC236}">
                <a16:creationId xmlns:a16="http://schemas.microsoft.com/office/drawing/2014/main" id="{50E355D3-9336-48AB-AA4A-F84B2D2AD8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836712"/>
            <a:ext cx="6553200" cy="432048"/>
          </a:xfrm>
        </p:spPr>
        <p:txBody>
          <a:bodyPr/>
          <a:lstStyle/>
          <a:p>
            <a:r>
              <a:rPr lang="de-DE" b="1" u="sng" dirty="0"/>
              <a:t>Was brauchen wir? </a:t>
            </a:r>
          </a:p>
        </p:txBody>
      </p:sp>
      <p:pic>
        <p:nvPicPr>
          <p:cNvPr id="5" name="Grafik 4">
            <a:extLst>
              <a:ext uri="{FF2B5EF4-FFF2-40B4-BE49-F238E27FC236}">
                <a16:creationId xmlns:a16="http://schemas.microsoft.com/office/drawing/2014/main" id="{22CA3595-9FC0-49FB-80ED-90FC5C569A95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4945854" y="1542241"/>
            <a:ext cx="1065819" cy="1598727"/>
          </a:xfrm>
          <a:prstGeom prst="rect">
            <a:avLst/>
          </a:prstGeom>
        </p:spPr>
      </p:pic>
      <p:pic>
        <p:nvPicPr>
          <p:cNvPr id="7" name="Grafik 6">
            <a:extLst>
              <a:ext uri="{FF2B5EF4-FFF2-40B4-BE49-F238E27FC236}">
                <a16:creationId xmlns:a16="http://schemas.microsoft.com/office/drawing/2014/main" id="{9F352297-D182-48EE-9AD8-51B9C94649A2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7082426" y="1670471"/>
            <a:ext cx="1296144" cy="134226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208600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Inhaltsplatzhalter 3">
            <a:extLst>
              <a:ext uri="{FF2B5EF4-FFF2-40B4-BE49-F238E27FC236}">
                <a16:creationId xmlns:a16="http://schemas.microsoft.com/office/drawing/2014/main" id="{CA287BAD-3A59-4BFA-ABC3-91C735B084BD}"/>
              </a:ext>
            </a:extLst>
          </p:cNvPr>
          <p:cNvGraphicFramePr>
            <a:graphicFrameLocks noGrp="1"/>
          </p:cNvGraphicFramePr>
          <p:nvPr>
            <p:ph idx="12"/>
            <p:extLst>
              <p:ext uri="{D42A27DB-BD31-4B8C-83A1-F6EECF244321}">
                <p14:modId xmlns:p14="http://schemas.microsoft.com/office/powerpoint/2010/main" val="100383771"/>
              </p:ext>
            </p:extLst>
          </p:nvPr>
        </p:nvGraphicFramePr>
        <p:xfrm>
          <a:off x="457200" y="1268760"/>
          <a:ext cx="8229600" cy="467484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3" name="Titel 2">
            <a:extLst>
              <a:ext uri="{FF2B5EF4-FFF2-40B4-BE49-F238E27FC236}">
                <a16:creationId xmlns:a16="http://schemas.microsoft.com/office/drawing/2014/main" id="{50E355D3-9336-48AB-AA4A-F84B2D2AD8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836712"/>
            <a:ext cx="6553200" cy="432048"/>
          </a:xfrm>
        </p:spPr>
        <p:txBody>
          <a:bodyPr/>
          <a:lstStyle/>
          <a:p>
            <a:r>
              <a:rPr lang="de-DE" b="1" u="sng" dirty="0"/>
              <a:t>Was brauchen wir? </a:t>
            </a: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FA9D4123-A4FE-42F8-BA3A-12928C517AD6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827584" y="2145645"/>
            <a:ext cx="847417" cy="890093"/>
          </a:xfrm>
          <a:prstGeom prst="rect">
            <a:avLst/>
          </a:prstGeom>
        </p:spPr>
      </p:pic>
      <p:pic>
        <p:nvPicPr>
          <p:cNvPr id="9" name="Grafik 8">
            <a:extLst>
              <a:ext uri="{FF2B5EF4-FFF2-40B4-BE49-F238E27FC236}">
                <a16:creationId xmlns:a16="http://schemas.microsoft.com/office/drawing/2014/main" id="{57C03085-281D-4729-8124-E08A1DC71ABA}"/>
              </a:ext>
            </a:extLst>
          </p:cNvPr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3419872" y="1543422"/>
            <a:ext cx="648072" cy="156382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035717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Inhaltsplatzhalter 3">
            <a:extLst>
              <a:ext uri="{FF2B5EF4-FFF2-40B4-BE49-F238E27FC236}">
                <a16:creationId xmlns:a16="http://schemas.microsoft.com/office/drawing/2014/main" id="{CA287BAD-3A59-4BFA-ABC3-91C735B084BD}"/>
              </a:ext>
            </a:extLst>
          </p:cNvPr>
          <p:cNvGraphicFramePr>
            <a:graphicFrameLocks noGrp="1"/>
          </p:cNvGraphicFramePr>
          <p:nvPr>
            <p:ph idx="12"/>
            <p:extLst>
              <p:ext uri="{D42A27DB-BD31-4B8C-83A1-F6EECF244321}">
                <p14:modId xmlns:p14="http://schemas.microsoft.com/office/powerpoint/2010/main" val="2332645050"/>
              </p:ext>
            </p:extLst>
          </p:nvPr>
        </p:nvGraphicFramePr>
        <p:xfrm>
          <a:off x="457200" y="1268760"/>
          <a:ext cx="8229600" cy="467484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3" name="Titel 2">
            <a:extLst>
              <a:ext uri="{FF2B5EF4-FFF2-40B4-BE49-F238E27FC236}">
                <a16:creationId xmlns:a16="http://schemas.microsoft.com/office/drawing/2014/main" id="{50E355D3-9336-48AB-AA4A-F84B2D2AD88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836712"/>
            <a:ext cx="6553200" cy="432048"/>
          </a:xfrm>
        </p:spPr>
        <p:txBody>
          <a:bodyPr/>
          <a:lstStyle/>
          <a:p>
            <a:r>
              <a:rPr lang="de-DE" b="1" u="sng" dirty="0"/>
              <a:t>Was brauchen wir? </a:t>
            </a:r>
          </a:p>
        </p:txBody>
      </p:sp>
      <p:pic>
        <p:nvPicPr>
          <p:cNvPr id="5" name="Grafik 4">
            <a:extLst>
              <a:ext uri="{FF2B5EF4-FFF2-40B4-BE49-F238E27FC236}">
                <a16:creationId xmlns:a16="http://schemas.microsoft.com/office/drawing/2014/main" id="{60ADDE5E-01E2-4220-A9B6-6DD2B2C73EF0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5220072" y="1628800"/>
            <a:ext cx="519863" cy="144016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7273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>
                                            <p:graphicEl>
                                              <a:dgm id="{19AF4AF2-E2BA-408B-9A59-75707C48F070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4">
                                            <p:graphicEl>
                                              <a:dgm id="{B5879C75-A95E-40BA-BDEE-0DDF1AF2CA98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B3F0B225-88BF-4329-B77F-0A8C0271F05F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0" dur="500"/>
                                        <p:tgtEl>
                                          <p:spTgt spid="4">
                                            <p:graphicEl>
                                              <a:dgm id="{53AA31C6-6660-48DA-9FAD-7384346AC6D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4">
                                            <p:graphicEl>
                                              <a:dgm id="{D44DE90D-91EF-4F88-AC0B-95A49A938705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Inhaltsplatzhalter 3">
            <a:extLst>
              <a:ext uri="{FF2B5EF4-FFF2-40B4-BE49-F238E27FC236}">
                <a16:creationId xmlns:a16="http://schemas.microsoft.com/office/drawing/2014/main" id="{FC57859F-8E31-414C-A6A2-F6B8BC36468F}"/>
              </a:ext>
            </a:extLst>
          </p:cNvPr>
          <p:cNvGraphicFramePr>
            <a:graphicFrameLocks noGrp="1"/>
          </p:cNvGraphicFramePr>
          <p:nvPr>
            <p:ph idx="12"/>
            <p:extLst>
              <p:ext uri="{D42A27DB-BD31-4B8C-83A1-F6EECF244321}">
                <p14:modId xmlns:p14="http://schemas.microsoft.com/office/powerpoint/2010/main" val="2490570219"/>
              </p:ext>
            </p:extLst>
          </p:nvPr>
        </p:nvGraphicFramePr>
        <p:xfrm>
          <a:off x="457200" y="1340768"/>
          <a:ext cx="8229600" cy="460283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3" name="Titel 2">
            <a:extLst>
              <a:ext uri="{FF2B5EF4-FFF2-40B4-BE49-F238E27FC236}">
                <a16:creationId xmlns:a16="http://schemas.microsoft.com/office/drawing/2014/main" id="{E3B6883C-46DE-4C91-A50C-332B856B7F9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914400"/>
            <a:ext cx="6553200" cy="426368"/>
          </a:xfrm>
        </p:spPr>
        <p:txBody>
          <a:bodyPr/>
          <a:lstStyle/>
          <a:p>
            <a:r>
              <a:rPr lang="de-DE" b="1" u="sng" dirty="0"/>
              <a:t>Wer nimmt es mi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336113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031CC343-DFB9-42A0-9803-2EE88526FD6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>
                                            <p:graphicEl>
                                              <a:dgm id="{031CC343-DFB9-42A0-9803-2EE88526FD6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A910462B-50BF-4C91-ABE9-63956851F43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4">
                                            <p:graphicEl>
                                              <a:dgm id="{A910462B-50BF-4C91-ABE9-63956851F43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0EE574F7-39D3-4FF2-9BC2-837C11F4DBC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0EE574F7-39D3-4FF2-9BC2-837C11F4DBC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4292566C-7C6F-48F4-A711-556101F9C92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8" dur="500"/>
                                        <p:tgtEl>
                                          <p:spTgt spid="4">
                                            <p:graphicEl>
                                              <a:dgm id="{4292566C-7C6F-48F4-A711-556101F9C92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101932DD-1829-4188-90D6-8619CD773F6C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3" dur="500"/>
                                        <p:tgtEl>
                                          <p:spTgt spid="4">
                                            <p:graphicEl>
                                              <a:dgm id="{101932DD-1829-4188-90D6-8619CD773F6C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88BD62BC-877D-4ECE-A0C2-6C02FF8E0622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6" dur="500"/>
                                        <p:tgtEl>
                                          <p:spTgt spid="4">
                                            <p:graphicEl>
                                              <a:dgm id="{88BD62BC-877D-4ECE-A0C2-6C02FF8E0622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Inhaltsplatzhalter 3">
            <a:extLst>
              <a:ext uri="{FF2B5EF4-FFF2-40B4-BE49-F238E27FC236}">
                <a16:creationId xmlns:a16="http://schemas.microsoft.com/office/drawing/2014/main" id="{FC57859F-8E31-414C-A6A2-F6B8BC36468F}"/>
              </a:ext>
            </a:extLst>
          </p:cNvPr>
          <p:cNvGraphicFramePr>
            <a:graphicFrameLocks noGrp="1"/>
          </p:cNvGraphicFramePr>
          <p:nvPr>
            <p:ph idx="12"/>
            <p:extLst>
              <p:ext uri="{D42A27DB-BD31-4B8C-83A1-F6EECF244321}">
                <p14:modId xmlns:p14="http://schemas.microsoft.com/office/powerpoint/2010/main" val="2870792894"/>
              </p:ext>
            </p:extLst>
          </p:nvPr>
        </p:nvGraphicFramePr>
        <p:xfrm>
          <a:off x="457200" y="1340768"/>
          <a:ext cx="8229600" cy="460283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3" name="Titel 2">
            <a:extLst>
              <a:ext uri="{FF2B5EF4-FFF2-40B4-BE49-F238E27FC236}">
                <a16:creationId xmlns:a16="http://schemas.microsoft.com/office/drawing/2014/main" id="{E3B6883C-46DE-4C91-A50C-332B856B7F9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914400"/>
            <a:ext cx="6553200" cy="426368"/>
          </a:xfrm>
        </p:spPr>
        <p:txBody>
          <a:bodyPr/>
          <a:lstStyle/>
          <a:p>
            <a:r>
              <a:rPr lang="de-DE" b="1" u="sng" dirty="0"/>
              <a:t>Wer nimmt es mit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936559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031CC343-DFB9-42A0-9803-2EE88526FD6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4">
                                            <p:graphicEl>
                                              <a:dgm id="{031CC343-DFB9-42A0-9803-2EE88526FD6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A910462B-50BF-4C91-ABE9-63956851F439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0" dur="500"/>
                                        <p:tgtEl>
                                          <p:spTgt spid="4">
                                            <p:graphicEl>
                                              <a:dgm id="{A910462B-50BF-4C91-ABE9-63956851F439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0EE574F7-39D3-4FF2-9BC2-837C11F4DBC3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5" dur="500"/>
                                        <p:tgtEl>
                                          <p:spTgt spid="4">
                                            <p:graphicEl>
                                              <a:dgm id="{0EE574F7-39D3-4FF2-9BC2-837C11F4DBC3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graphicEl>
                                              <a:dgm id="{4292566C-7C6F-48F4-A711-556101F9C92D}"/>
                                            </p:graphic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8" dur="500"/>
                                        <p:tgtEl>
                                          <p:spTgt spid="4">
                                            <p:graphicEl>
                                              <a:dgm id="{4292566C-7C6F-48F4-A711-556101F9C92D}"/>
                                            </p:graphic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Graphic spid="4" grpId="0">
        <p:bldSub>
          <a:bldDgm bld="one"/>
        </p:bldSub>
      </p:bldGraphic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nhaltsplatzhalter 1">
            <a:extLst>
              <a:ext uri="{FF2B5EF4-FFF2-40B4-BE49-F238E27FC236}">
                <a16:creationId xmlns:a16="http://schemas.microsoft.com/office/drawing/2014/main" id="{36A1949C-E8A4-45A7-A40D-E1461072BE9B}"/>
              </a:ext>
            </a:extLst>
          </p:cNvPr>
          <p:cNvSpPr>
            <a:spLocks noGrp="1"/>
          </p:cNvSpPr>
          <p:nvPr>
            <p:ph idx="12"/>
          </p:nvPr>
        </p:nvSpPr>
        <p:spPr>
          <a:xfrm>
            <a:off x="432540" y="1916832"/>
            <a:ext cx="8229600" cy="4026768"/>
          </a:xfrm>
          <a:gradFill>
            <a:gsLst>
              <a:gs pos="100000">
                <a:schemeClr val="accent2">
                  <a:tint val="100000"/>
                  <a:shade val="100000"/>
                  <a:satMod val="130000"/>
                </a:schemeClr>
              </a:gs>
              <a:gs pos="100000">
                <a:schemeClr val="accent2">
                  <a:tint val="50000"/>
                  <a:shade val="100000"/>
                  <a:satMod val="350000"/>
                </a:schemeClr>
              </a:gs>
            </a:gsLst>
          </a:gradFill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>
            <a:normAutofit/>
          </a:bodyPr>
          <a:lstStyle/>
          <a:p>
            <a:r>
              <a:rPr lang="de-DE" sz="2800" b="1" u="sng" dirty="0"/>
              <a:t>Rettungsgrundsatz im TH-Einsatz</a:t>
            </a:r>
          </a:p>
          <a:p>
            <a:endParaRPr lang="de-DE" sz="2400" dirty="0"/>
          </a:p>
          <a:p>
            <a:pPr marL="342900" indent="-342900" algn="l">
              <a:buFont typeface="+mj-lt"/>
              <a:buAutoNum type="arabicPeriod"/>
            </a:pPr>
            <a:r>
              <a:rPr lang="de-DE" sz="2400" dirty="0"/>
              <a:t>Sichern gegen Gefahren </a:t>
            </a:r>
          </a:p>
          <a:p>
            <a:pPr marL="342900" indent="-342900" algn="l">
              <a:buFont typeface="+mj-lt"/>
              <a:buAutoNum type="arabicPeriod"/>
            </a:pPr>
            <a:r>
              <a:rPr lang="de-DE" sz="2400" dirty="0"/>
              <a:t>Zugang zum Patienten schaffen </a:t>
            </a:r>
          </a:p>
          <a:p>
            <a:pPr marL="342900" indent="-342900" algn="l">
              <a:buFont typeface="+mj-lt"/>
              <a:buAutoNum type="arabicPeriod"/>
            </a:pPr>
            <a:r>
              <a:rPr lang="de-DE" sz="2400" dirty="0"/>
              <a:t>Lebenserhaltende Sofortmaßnahmen</a:t>
            </a:r>
          </a:p>
          <a:p>
            <a:pPr marL="342900" indent="-342900" algn="l">
              <a:buFont typeface="+mj-lt"/>
              <a:buAutoNum type="arabicPeriod"/>
            </a:pPr>
            <a:r>
              <a:rPr lang="de-DE" sz="2400" dirty="0"/>
              <a:t>Befreiung aus lebensbedrohlicher und/oder Zwangslage</a:t>
            </a:r>
          </a:p>
          <a:p>
            <a:pPr marL="342900" indent="-342900" algn="l">
              <a:buFont typeface="+mj-lt"/>
              <a:buAutoNum type="arabicPeriod"/>
            </a:pPr>
            <a:r>
              <a:rPr lang="de-DE" sz="2400" dirty="0"/>
              <a:t>Übergabe an den Rettungsdienst  </a:t>
            </a:r>
          </a:p>
        </p:txBody>
      </p:sp>
      <p:sp>
        <p:nvSpPr>
          <p:cNvPr id="3" name="Titel 2">
            <a:extLst>
              <a:ext uri="{FF2B5EF4-FFF2-40B4-BE49-F238E27FC236}">
                <a16:creationId xmlns:a16="http://schemas.microsoft.com/office/drawing/2014/main" id="{813435CF-B7B9-4BCF-981F-196469BD585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914400"/>
            <a:ext cx="6553200" cy="426368"/>
          </a:xfrm>
        </p:spPr>
        <p:txBody>
          <a:bodyPr/>
          <a:lstStyle/>
          <a:p>
            <a:r>
              <a:rPr lang="de-DE" b="1" u="sng" dirty="0"/>
              <a:t>Worauf müssen wir achten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2195321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3" dur="500" fill="hold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4" dur="500" fill="hold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nhaltsplatzhalter 1">
            <a:extLst>
              <a:ext uri="{FF2B5EF4-FFF2-40B4-BE49-F238E27FC236}">
                <a16:creationId xmlns:a16="http://schemas.microsoft.com/office/drawing/2014/main" id="{CA148D2D-DF5A-4EB1-B1EB-A711B197C898}"/>
              </a:ext>
            </a:extLst>
          </p:cNvPr>
          <p:cNvSpPr>
            <a:spLocks noGrp="1"/>
          </p:cNvSpPr>
          <p:nvPr>
            <p:ph idx="12"/>
          </p:nvPr>
        </p:nvSpPr>
        <p:spPr>
          <a:xfrm>
            <a:off x="539552" y="1484784"/>
            <a:ext cx="8229600" cy="4458816"/>
          </a:xfrm>
        </p:spPr>
        <p:txBody>
          <a:bodyPr/>
          <a:lstStyle/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de-DE" sz="2000" dirty="0"/>
              <a:t>Die </a:t>
            </a:r>
            <a:r>
              <a:rPr lang="de-DE" sz="2000" dirty="0">
                <a:solidFill>
                  <a:srgbClr val="FF0000"/>
                </a:solidFill>
              </a:rPr>
              <a:t>Eigensicherung</a:t>
            </a:r>
            <a:r>
              <a:rPr lang="de-DE" sz="2000" dirty="0"/>
              <a:t> ist stets zu beachten!</a:t>
            </a:r>
          </a:p>
          <a:p>
            <a:pPr algn="l"/>
            <a:endParaRPr lang="de-DE" sz="2000" dirty="0"/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de-DE" sz="2000" dirty="0"/>
              <a:t>Eine zu rettende Person darf bis zur Übergabe an den Rettungsdienst nicht ohne Betreuung gelassen werden. (Daher Erkundung nicht alleine durchführen)</a:t>
            </a:r>
          </a:p>
          <a:p>
            <a:pPr algn="l"/>
            <a:endParaRPr lang="de-DE" sz="2000" dirty="0"/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de-DE" sz="2000" dirty="0"/>
              <a:t>Eine Erstversorgung (Erste Hilfe) hat oberste Priorität.</a:t>
            </a:r>
          </a:p>
          <a:p>
            <a:pPr algn="l"/>
            <a:endParaRPr lang="de-DE" sz="2000" dirty="0"/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de-DE" sz="2000" dirty="0"/>
              <a:t>Die Rettung von Personen soll möglichst unter Beachtung rettungsdienstlicher Erfordernisse (patientengerechte Rettung) als </a:t>
            </a:r>
            <a:r>
              <a:rPr lang="de-DE" sz="2000" dirty="0">
                <a:solidFill>
                  <a:srgbClr val="E6243A"/>
                </a:solidFill>
              </a:rPr>
              <a:t>Sofortrettung </a:t>
            </a:r>
            <a:r>
              <a:rPr lang="de-DE" sz="2000" dirty="0"/>
              <a:t>(z. B. bei Brand, Reanimation) oder </a:t>
            </a:r>
            <a:r>
              <a:rPr lang="de-DE" sz="2000" dirty="0">
                <a:solidFill>
                  <a:srgbClr val="E6243A"/>
                </a:solidFill>
              </a:rPr>
              <a:t>Schnelle Rettung </a:t>
            </a:r>
            <a:r>
              <a:rPr lang="de-DE" sz="2000" dirty="0"/>
              <a:t>(Zeitfenster 20 bis 30 Minuten</a:t>
            </a:r>
            <a:r>
              <a:rPr lang="de-DE" sz="2000"/>
              <a:t>) erfolgen</a:t>
            </a:r>
            <a:r>
              <a:rPr lang="de-DE" sz="2000" dirty="0"/>
              <a:t>.</a:t>
            </a:r>
          </a:p>
          <a:p>
            <a:pPr algn="l"/>
            <a:endParaRPr lang="de-DE" dirty="0"/>
          </a:p>
          <a:p>
            <a:pPr algn="l"/>
            <a:endParaRPr lang="de-DE" dirty="0"/>
          </a:p>
        </p:txBody>
      </p:sp>
      <p:sp>
        <p:nvSpPr>
          <p:cNvPr id="3" name="Titel 2">
            <a:extLst>
              <a:ext uri="{FF2B5EF4-FFF2-40B4-BE49-F238E27FC236}">
                <a16:creationId xmlns:a16="http://schemas.microsoft.com/office/drawing/2014/main" id="{F3947837-B8C7-4925-93E8-D353CCF4709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764704"/>
            <a:ext cx="6553200" cy="720080"/>
          </a:xfrm>
        </p:spPr>
        <p:txBody>
          <a:bodyPr/>
          <a:lstStyle/>
          <a:p>
            <a:r>
              <a:rPr lang="de-DE" b="1" u="sng" dirty="0"/>
              <a:t>Worauf müssen wir achten?</a:t>
            </a:r>
            <a:br>
              <a:rPr lang="de-DE" dirty="0"/>
            </a:br>
            <a:r>
              <a:rPr lang="de-DE" dirty="0"/>
              <a:t>Einsatzgrundsätz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0268916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nhaltsplatzhalter 1">
            <a:extLst>
              <a:ext uri="{FF2B5EF4-FFF2-40B4-BE49-F238E27FC236}">
                <a16:creationId xmlns:a16="http://schemas.microsoft.com/office/drawing/2014/main" id="{CA148D2D-DF5A-4EB1-B1EB-A711B197C898}"/>
              </a:ext>
            </a:extLst>
          </p:cNvPr>
          <p:cNvSpPr>
            <a:spLocks noGrp="1"/>
          </p:cNvSpPr>
          <p:nvPr>
            <p:ph idx="12"/>
          </p:nvPr>
        </p:nvSpPr>
        <p:spPr>
          <a:xfrm>
            <a:off x="539552" y="1484784"/>
            <a:ext cx="8229600" cy="4458816"/>
          </a:xfrm>
        </p:spPr>
        <p:txBody>
          <a:bodyPr/>
          <a:lstStyle/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de-DE" dirty="0"/>
              <a:t>Die Schutzausrüstung ist den jeweiligen Erfordernissen des Einsatzes anzupassen und zu erweitern, beispielsweise durch Gesichtsschutz, Schutzbrille, Gehörschutz, Schnittschutzbekleidung, Atemschutzgerät, Warnbekleidung, etc. 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endParaRPr lang="de-DE" dirty="0"/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de-DE" dirty="0"/>
              <a:t>Einsatzstellen müssen insbesondere vor folgenden Gefahren gesichert werden: </a:t>
            </a:r>
          </a:p>
          <a:p>
            <a:pPr marL="285750" indent="-285750" algn="l">
              <a:buFont typeface="Wingdings" panose="05000000000000000000" pitchFamily="2" charset="2"/>
              <a:buChar char="Ø"/>
            </a:pPr>
            <a:r>
              <a:rPr lang="de-DE" dirty="0"/>
              <a:t>fließendem Verkehr</a:t>
            </a:r>
          </a:p>
          <a:p>
            <a:pPr marL="285750" indent="-285750" algn="l">
              <a:buFont typeface="Wingdings" panose="05000000000000000000" pitchFamily="2" charset="2"/>
              <a:buChar char="Ø"/>
            </a:pPr>
            <a:r>
              <a:rPr lang="de-DE" dirty="0"/>
              <a:t>Nachsacken, Wegrutschen oder Wegrollen aufgrund unkontrollierter Bewegungen von Lasten</a:t>
            </a:r>
          </a:p>
          <a:p>
            <a:pPr marL="285750" indent="-285750" algn="l">
              <a:buFont typeface="Wingdings" panose="05000000000000000000" pitchFamily="2" charset="2"/>
              <a:buChar char="Ø"/>
            </a:pPr>
            <a:r>
              <a:rPr lang="de-DE" dirty="0"/>
              <a:t>Brandgefahr</a:t>
            </a:r>
          </a:p>
          <a:p>
            <a:pPr marL="285750" indent="-285750" algn="l">
              <a:buFont typeface="Wingdings" panose="05000000000000000000" pitchFamily="2" charset="2"/>
              <a:buChar char="Ø"/>
            </a:pPr>
            <a:r>
              <a:rPr lang="de-DE" dirty="0"/>
              <a:t>Herabfallenden Teilen</a:t>
            </a:r>
          </a:p>
          <a:p>
            <a:pPr marL="285750" indent="-285750" algn="l">
              <a:buFont typeface="Wingdings" panose="05000000000000000000" pitchFamily="2" charset="2"/>
              <a:buChar char="Ø"/>
            </a:pPr>
            <a:r>
              <a:rPr lang="de-DE" dirty="0"/>
              <a:t>Dunkelheit</a:t>
            </a:r>
          </a:p>
          <a:p>
            <a:pPr marL="285750" indent="-285750" algn="l">
              <a:buFont typeface="Wingdings" panose="05000000000000000000" pitchFamily="2" charset="2"/>
              <a:buChar char="Ø"/>
            </a:pPr>
            <a:r>
              <a:rPr lang="de-DE" dirty="0"/>
              <a:t>Betriebsstoffen und Energieversorgung</a:t>
            </a:r>
          </a:p>
          <a:p>
            <a:pPr algn="l"/>
            <a:endParaRPr lang="de-DE" dirty="0"/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de-DE" dirty="0"/>
              <a:t>Auch die Beseitigung, Kennzeichnung und Absperrung weiterer Gefahren besonders innerhalb des Arbeitsbereiches ist zu gewährleisten.</a:t>
            </a:r>
          </a:p>
          <a:p>
            <a:pPr algn="l"/>
            <a:endParaRPr lang="de-DE" dirty="0"/>
          </a:p>
        </p:txBody>
      </p:sp>
      <p:sp>
        <p:nvSpPr>
          <p:cNvPr id="3" name="Titel 2">
            <a:extLst>
              <a:ext uri="{FF2B5EF4-FFF2-40B4-BE49-F238E27FC236}">
                <a16:creationId xmlns:a16="http://schemas.microsoft.com/office/drawing/2014/main" id="{F3947837-B8C7-4925-93E8-D353CCF4709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764704"/>
            <a:ext cx="6553200" cy="720080"/>
          </a:xfrm>
        </p:spPr>
        <p:txBody>
          <a:bodyPr/>
          <a:lstStyle/>
          <a:p>
            <a:r>
              <a:rPr lang="de-DE" b="1" u="sng" dirty="0"/>
              <a:t>Worauf müssen wir achten?</a:t>
            </a:r>
            <a:br>
              <a:rPr lang="de-DE" dirty="0"/>
            </a:br>
            <a:r>
              <a:rPr lang="de-DE" dirty="0"/>
              <a:t>Einsatzgrundsätz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846104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3" dur="500" fill="hold"/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4" dur="500" fill="hold"/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>
                      <p:stCondLst>
                        <p:cond delay="indefinite"/>
                      </p:stCondLst>
                      <p:childTnLst>
                        <p:par>
                          <p:cTn id="46" fill="hold">
                            <p:stCondLst>
                              <p:cond delay="0"/>
                            </p:stCondLst>
                            <p:childTnLst>
                              <p:par>
                                <p:cTn id="47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9" dur="500" fill="hold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0" dur="500" fill="hold"/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5" dur="500" fill="hold"/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6" dur="500" fill="hold"/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Textfeld 8">
            <a:extLst>
              <a:ext uri="{FF2B5EF4-FFF2-40B4-BE49-F238E27FC236}">
                <a16:creationId xmlns:a16="http://schemas.microsoft.com/office/drawing/2014/main" id="{CF40C9F9-0578-4FF6-B644-56394EA46CDC}"/>
              </a:ext>
            </a:extLst>
          </p:cNvPr>
          <p:cNvSpPr txBox="1"/>
          <p:nvPr/>
        </p:nvSpPr>
        <p:spPr>
          <a:xfrm>
            <a:off x="539552" y="1653713"/>
            <a:ext cx="7560840" cy="203132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r>
              <a:rPr lang="de-DE" dirty="0">
                <a:latin typeface="NDSFrutiger 45 Light" panose="02000403040000020004" pitchFamily="2" charset="0"/>
              </a:rPr>
              <a:t>Lernziel</a:t>
            </a:r>
          </a:p>
          <a:p>
            <a:endParaRPr lang="de-DE" dirty="0">
              <a:latin typeface="NDSFrutiger 45 Light" panose="02000403040000020004" pitchFamily="2" charset="0"/>
            </a:endParaRPr>
          </a:p>
          <a:p>
            <a:r>
              <a:rPr lang="de-DE" dirty="0">
                <a:latin typeface="NDSFrutiger 45 Light" panose="02000403040000020004" pitchFamily="2" charset="0"/>
              </a:rPr>
              <a:t>Die Teilnehmenden sollen die Aufgabenteilung innerhalb einer Gruppe/Staffel beim technischen Hilfeleistungseinsatz erklären</a:t>
            </a:r>
          </a:p>
          <a:p>
            <a:endParaRPr lang="de-DE" dirty="0">
              <a:latin typeface="NDSFrutiger 45 Light" panose="02000403040000020004" pitchFamily="2" charset="0"/>
            </a:endParaRPr>
          </a:p>
          <a:p>
            <a:r>
              <a:rPr lang="de-DE" dirty="0">
                <a:latin typeface="NDSFrutiger 45 Light" panose="02000403040000020004" pitchFamily="2" charset="0"/>
              </a:rPr>
              <a:t>und alle Grundtätigkeiten der Trupps und des Melders auf Befehl selbstständig ausführen können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61592478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Inhaltsplatzhalter 1">
            <a:extLst>
              <a:ext uri="{FF2B5EF4-FFF2-40B4-BE49-F238E27FC236}">
                <a16:creationId xmlns:a16="http://schemas.microsoft.com/office/drawing/2014/main" id="{3308107B-D6B4-4145-9602-131579543B9F}"/>
              </a:ext>
            </a:extLst>
          </p:cNvPr>
          <p:cNvSpPr>
            <a:spLocks noGrp="1"/>
          </p:cNvSpPr>
          <p:nvPr>
            <p:ph idx="12"/>
          </p:nvPr>
        </p:nvSpPr>
        <p:spPr>
          <a:xfrm>
            <a:off x="361315" y="1553681"/>
            <a:ext cx="8229600" cy="4458816"/>
          </a:xfrm>
        </p:spPr>
        <p:txBody>
          <a:bodyPr/>
          <a:lstStyle/>
          <a:p>
            <a:endParaRPr lang="de-DE" dirty="0"/>
          </a:p>
        </p:txBody>
      </p:sp>
      <p:sp>
        <p:nvSpPr>
          <p:cNvPr id="3" name="Titel 2">
            <a:extLst>
              <a:ext uri="{FF2B5EF4-FFF2-40B4-BE49-F238E27FC236}">
                <a16:creationId xmlns:a16="http://schemas.microsoft.com/office/drawing/2014/main" id="{E4D57C16-35AE-42C1-BED2-69084904E201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836712"/>
            <a:ext cx="6553200" cy="720080"/>
          </a:xfrm>
        </p:spPr>
        <p:txBody>
          <a:bodyPr/>
          <a:lstStyle/>
          <a:p>
            <a:r>
              <a:rPr lang="de-DE" b="1" u="sng" dirty="0"/>
              <a:t>Worauf müssen wir achten? </a:t>
            </a:r>
            <a:br>
              <a:rPr lang="de-DE" dirty="0"/>
            </a:br>
            <a:r>
              <a:rPr lang="de-DE" dirty="0"/>
              <a:t>Ordnung des Raumes</a:t>
            </a:r>
          </a:p>
        </p:txBody>
      </p:sp>
      <p:sp>
        <p:nvSpPr>
          <p:cNvPr id="4" name="Ellipse 3">
            <a:extLst>
              <a:ext uri="{FF2B5EF4-FFF2-40B4-BE49-F238E27FC236}">
                <a16:creationId xmlns:a16="http://schemas.microsoft.com/office/drawing/2014/main" id="{C5ABDD8D-972A-48B3-A0B1-F9E4ADC1509A}"/>
              </a:ext>
            </a:extLst>
          </p:cNvPr>
          <p:cNvSpPr/>
          <p:nvPr/>
        </p:nvSpPr>
        <p:spPr>
          <a:xfrm>
            <a:off x="1792638" y="1605280"/>
            <a:ext cx="5250180" cy="4308475"/>
          </a:xfrm>
          <a:prstGeom prst="ellipse">
            <a:avLst/>
          </a:prstGeom>
          <a:solidFill>
            <a:schemeClr val="bg2">
              <a:lumMod val="75000"/>
            </a:schemeClr>
          </a:solidFill>
          <a:ln>
            <a:solidFill>
              <a:schemeClr val="bg2">
                <a:lumMod val="9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endParaRPr lang="de-DE"/>
          </a:p>
        </p:txBody>
      </p:sp>
      <p:sp>
        <p:nvSpPr>
          <p:cNvPr id="5" name="Ellipse 4">
            <a:extLst>
              <a:ext uri="{FF2B5EF4-FFF2-40B4-BE49-F238E27FC236}">
                <a16:creationId xmlns:a16="http://schemas.microsoft.com/office/drawing/2014/main" id="{9EC800DC-002F-4902-AED6-242FF02322CC}"/>
              </a:ext>
            </a:extLst>
          </p:cNvPr>
          <p:cNvSpPr/>
          <p:nvPr/>
        </p:nvSpPr>
        <p:spPr>
          <a:xfrm>
            <a:off x="3159760" y="2776367"/>
            <a:ext cx="2451735" cy="2126615"/>
          </a:xfrm>
          <a:prstGeom prst="ellipse">
            <a:avLst/>
          </a:prstGeom>
          <a:solidFill>
            <a:schemeClr val="bg2">
              <a:lumMod val="90000"/>
            </a:schemeClr>
          </a:solidFill>
          <a:ln>
            <a:solidFill>
              <a:schemeClr val="tx2">
                <a:lumMod val="20000"/>
                <a:lumOff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de-DE"/>
          </a:p>
        </p:txBody>
      </p:sp>
      <p:sp>
        <p:nvSpPr>
          <p:cNvPr id="6" name="Multiplikationszeichen 5">
            <a:extLst>
              <a:ext uri="{FF2B5EF4-FFF2-40B4-BE49-F238E27FC236}">
                <a16:creationId xmlns:a16="http://schemas.microsoft.com/office/drawing/2014/main" id="{3A4D02B3-DC4D-4070-B1D6-2D4AFB127008}"/>
              </a:ext>
            </a:extLst>
          </p:cNvPr>
          <p:cNvSpPr/>
          <p:nvPr/>
        </p:nvSpPr>
        <p:spPr>
          <a:xfrm>
            <a:off x="4059555" y="3506787"/>
            <a:ext cx="609600" cy="602615"/>
          </a:xfrm>
          <a:prstGeom prst="mathMultiply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de-DE"/>
          </a:p>
        </p:txBody>
      </p:sp>
      <p:sp>
        <p:nvSpPr>
          <p:cNvPr id="7" name="Rechteck 6">
            <a:extLst>
              <a:ext uri="{FF2B5EF4-FFF2-40B4-BE49-F238E27FC236}">
                <a16:creationId xmlns:a16="http://schemas.microsoft.com/office/drawing/2014/main" id="{8246DB4A-6935-4130-A3BF-F2CD4F900D5B}"/>
              </a:ext>
            </a:extLst>
          </p:cNvPr>
          <p:cNvSpPr/>
          <p:nvPr/>
        </p:nvSpPr>
        <p:spPr>
          <a:xfrm>
            <a:off x="5424805" y="3622992"/>
            <a:ext cx="186690" cy="450215"/>
          </a:xfrm>
          <a:prstGeom prst="rect">
            <a:avLst/>
          </a:prstGeom>
          <a:solidFill>
            <a:srgbClr val="FFFF00"/>
          </a:solidFill>
          <a:ln>
            <a:solidFill>
              <a:srgbClr val="FFFF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de-DE"/>
          </a:p>
        </p:txBody>
      </p:sp>
      <p:sp>
        <p:nvSpPr>
          <p:cNvPr id="8" name="Rechteck 7">
            <a:extLst>
              <a:ext uri="{FF2B5EF4-FFF2-40B4-BE49-F238E27FC236}">
                <a16:creationId xmlns:a16="http://schemas.microsoft.com/office/drawing/2014/main" id="{A3AA1161-A220-4BAB-B671-AA304B845B34}"/>
              </a:ext>
            </a:extLst>
          </p:cNvPr>
          <p:cNvSpPr/>
          <p:nvPr/>
        </p:nvSpPr>
        <p:spPr>
          <a:xfrm>
            <a:off x="2946325" y="3625218"/>
            <a:ext cx="200025" cy="429260"/>
          </a:xfrm>
          <a:prstGeom prst="rect">
            <a:avLst/>
          </a:prstGeom>
          <a:solidFill>
            <a:srgbClr val="FFFF00"/>
          </a:solidFill>
          <a:ln>
            <a:solidFill>
              <a:srgbClr val="FFFF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endParaRPr lang="de-DE" dirty="0"/>
          </a:p>
        </p:txBody>
      </p:sp>
      <p:cxnSp>
        <p:nvCxnSpPr>
          <p:cNvPr id="9" name="Verbinder: gewinkelt 8">
            <a:extLst>
              <a:ext uri="{FF2B5EF4-FFF2-40B4-BE49-F238E27FC236}">
                <a16:creationId xmlns:a16="http://schemas.microsoft.com/office/drawing/2014/main" id="{C7231BC4-BC41-4C44-8B0A-125CD015DA2F}"/>
              </a:ext>
            </a:extLst>
          </p:cNvPr>
          <p:cNvCxnSpPr>
            <a:cxnSpLocks/>
          </p:cNvCxnSpPr>
          <p:nvPr/>
        </p:nvCxnSpPr>
        <p:spPr>
          <a:xfrm rot="16200000" flipH="1">
            <a:off x="4097728" y="4120462"/>
            <a:ext cx="1074276" cy="498477"/>
          </a:xfrm>
          <a:prstGeom prst="bentConnector3">
            <a:avLst/>
          </a:prstGeom>
          <a:ln>
            <a:solidFill>
              <a:schemeClr val="tx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Verbinder: gewinkelt 9">
            <a:extLst>
              <a:ext uri="{FF2B5EF4-FFF2-40B4-BE49-F238E27FC236}">
                <a16:creationId xmlns:a16="http://schemas.microsoft.com/office/drawing/2014/main" id="{2CBF8399-7C12-431B-A910-0E6D0FC054B8}"/>
              </a:ext>
            </a:extLst>
          </p:cNvPr>
          <p:cNvCxnSpPr>
            <a:cxnSpLocks/>
          </p:cNvCxnSpPr>
          <p:nvPr/>
        </p:nvCxnSpPr>
        <p:spPr>
          <a:xfrm rot="16200000" flipH="1">
            <a:off x="3564016" y="4548582"/>
            <a:ext cx="1364363" cy="732886"/>
          </a:xfrm>
          <a:prstGeom prst="bentConnector3">
            <a:avLst/>
          </a:prstGeom>
          <a:ln>
            <a:solidFill>
              <a:schemeClr val="tx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" name="Verbinder: gewinkelt 10">
            <a:extLst>
              <a:ext uri="{FF2B5EF4-FFF2-40B4-BE49-F238E27FC236}">
                <a16:creationId xmlns:a16="http://schemas.microsoft.com/office/drawing/2014/main" id="{66454736-9FA2-42F4-8B0C-CB49EA18905F}"/>
              </a:ext>
            </a:extLst>
          </p:cNvPr>
          <p:cNvCxnSpPr>
            <a:cxnSpLocks/>
          </p:cNvCxnSpPr>
          <p:nvPr/>
        </p:nvCxnSpPr>
        <p:spPr>
          <a:xfrm rot="16200000" flipH="1">
            <a:off x="5733494" y="4491939"/>
            <a:ext cx="1456360" cy="476169"/>
          </a:xfrm>
          <a:prstGeom prst="bentConnector3">
            <a:avLst/>
          </a:prstGeom>
          <a:ln>
            <a:solidFill>
              <a:schemeClr val="tx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2" name="Gerader Verbinder 11">
            <a:extLst>
              <a:ext uri="{FF2B5EF4-FFF2-40B4-BE49-F238E27FC236}">
                <a16:creationId xmlns:a16="http://schemas.microsoft.com/office/drawing/2014/main" id="{4B82F17F-5027-430F-905C-0E22999B9EC5}"/>
              </a:ext>
            </a:extLst>
          </p:cNvPr>
          <p:cNvCxnSpPr/>
          <p:nvPr/>
        </p:nvCxnSpPr>
        <p:spPr>
          <a:xfrm flipV="1">
            <a:off x="5542568" y="1789349"/>
            <a:ext cx="775335" cy="1877060"/>
          </a:xfrm>
          <a:prstGeom prst="line">
            <a:avLst/>
          </a:prstGeom>
          <a:ln>
            <a:solidFill>
              <a:schemeClr val="tx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3" name="Gerader Verbinder 12">
            <a:extLst>
              <a:ext uri="{FF2B5EF4-FFF2-40B4-BE49-F238E27FC236}">
                <a16:creationId xmlns:a16="http://schemas.microsoft.com/office/drawing/2014/main" id="{21A35D54-681E-4D48-A93A-D7DEBA347730}"/>
              </a:ext>
            </a:extLst>
          </p:cNvPr>
          <p:cNvCxnSpPr/>
          <p:nvPr/>
        </p:nvCxnSpPr>
        <p:spPr>
          <a:xfrm flipH="1" flipV="1">
            <a:off x="2006279" y="1957063"/>
            <a:ext cx="1003935" cy="1835150"/>
          </a:xfrm>
          <a:prstGeom prst="line">
            <a:avLst/>
          </a:prstGeom>
          <a:ln>
            <a:solidFill>
              <a:schemeClr val="tx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4" name="Gerader Verbinder 13">
            <a:extLst>
              <a:ext uri="{FF2B5EF4-FFF2-40B4-BE49-F238E27FC236}">
                <a16:creationId xmlns:a16="http://schemas.microsoft.com/office/drawing/2014/main" id="{50DC319E-A0E0-4815-8362-6260E712BF88}"/>
              </a:ext>
            </a:extLst>
          </p:cNvPr>
          <p:cNvCxnSpPr/>
          <p:nvPr/>
        </p:nvCxnSpPr>
        <p:spPr>
          <a:xfrm flipH="1">
            <a:off x="1051524" y="3889602"/>
            <a:ext cx="1558290" cy="1295400"/>
          </a:xfrm>
          <a:prstGeom prst="line">
            <a:avLst/>
          </a:prstGeom>
          <a:ln>
            <a:solidFill>
              <a:schemeClr val="tx1"/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Textfeld 2">
            <a:extLst>
              <a:ext uri="{FF2B5EF4-FFF2-40B4-BE49-F238E27FC236}">
                <a16:creationId xmlns:a16="http://schemas.microsoft.com/office/drawing/2014/main" id="{85884698-0CC5-4440-B393-1F634FCAC84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93693" y="1722482"/>
            <a:ext cx="1593850" cy="601662"/>
          </a:xfrm>
          <a:prstGeom prst="rect">
            <a:avLst/>
          </a:prstGeom>
          <a:solidFill>
            <a:srgbClr val="FFFFFF"/>
          </a:solidFill>
          <a:ln w="9525">
            <a:solidFill>
              <a:srgbClr val="000000"/>
            </a:solidFill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de-DE" altLang="de-DE" sz="1100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Ablage für aus dem Einsatzbereich entfernte Gegenstände</a:t>
            </a:r>
            <a:endParaRPr kumimoji="0" lang="de-DE" altLang="de-DE" sz="1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  <p:sp>
        <p:nvSpPr>
          <p:cNvPr id="16" name="Text Box 13">
            <a:extLst>
              <a:ext uri="{FF2B5EF4-FFF2-40B4-BE49-F238E27FC236}">
                <a16:creationId xmlns:a16="http://schemas.microsoft.com/office/drawing/2014/main" id="{0FE23064-6F59-4F1E-A8FD-B6E14FC316C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26636" y="1677913"/>
            <a:ext cx="984250" cy="428625"/>
          </a:xfrm>
          <a:prstGeom prst="rect">
            <a:avLst/>
          </a:prstGeom>
          <a:solidFill>
            <a:srgbClr val="FFFFFF"/>
          </a:solidFill>
          <a:ln w="9525">
            <a:solidFill>
              <a:srgbClr val="000000"/>
            </a:solidFill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de-DE" altLang="de-DE" sz="1100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Ablage für Einsatzmittel</a:t>
            </a:r>
            <a:endParaRPr kumimoji="0" lang="de-DE" altLang="de-DE" sz="1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  <p:sp>
        <p:nvSpPr>
          <p:cNvPr id="17" name="Text Box 14">
            <a:extLst>
              <a:ext uri="{FF2B5EF4-FFF2-40B4-BE49-F238E27FC236}">
                <a16:creationId xmlns:a16="http://schemas.microsoft.com/office/drawing/2014/main" id="{E9B81095-08A3-490B-A3F1-A5FB224ADD2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869785" y="4853177"/>
            <a:ext cx="1060450" cy="276225"/>
          </a:xfrm>
          <a:prstGeom prst="rect">
            <a:avLst/>
          </a:prstGeom>
          <a:solidFill>
            <a:srgbClr val="FFFFFF"/>
          </a:solidFill>
          <a:ln w="9525">
            <a:solidFill>
              <a:srgbClr val="000000"/>
            </a:solidFill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de-DE" altLang="de-DE" sz="1100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Gefahrenstelle</a:t>
            </a:r>
            <a:endParaRPr kumimoji="0" lang="de-DE" altLang="de-DE" sz="1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  <p:sp>
        <p:nvSpPr>
          <p:cNvPr id="18" name="Text Box 15">
            <a:extLst>
              <a:ext uri="{FF2B5EF4-FFF2-40B4-BE49-F238E27FC236}">
                <a16:creationId xmlns:a16="http://schemas.microsoft.com/office/drawing/2014/main" id="{567B6F4B-EF95-4E11-9526-E4BEAA69D87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0" y="5558314"/>
            <a:ext cx="1038225" cy="269875"/>
          </a:xfrm>
          <a:prstGeom prst="rect">
            <a:avLst/>
          </a:prstGeom>
          <a:solidFill>
            <a:srgbClr val="FFFFFF"/>
          </a:solidFill>
          <a:ln w="9525">
            <a:solidFill>
              <a:srgbClr val="000000"/>
            </a:solidFill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de-DE" altLang="de-DE" sz="1100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Arbeitsbereich</a:t>
            </a:r>
            <a:endParaRPr kumimoji="0" lang="de-DE" altLang="de-DE" sz="1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  <p:sp>
        <p:nvSpPr>
          <p:cNvPr id="19" name="Text Box 16">
            <a:extLst>
              <a:ext uri="{FF2B5EF4-FFF2-40B4-BE49-F238E27FC236}">
                <a16:creationId xmlns:a16="http://schemas.microsoft.com/office/drawing/2014/main" id="{CFA0C394-BD16-4AB5-94BB-3691FE13501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667135" y="5392260"/>
            <a:ext cx="1108075" cy="255588"/>
          </a:xfrm>
          <a:prstGeom prst="rect">
            <a:avLst/>
          </a:prstGeom>
          <a:solidFill>
            <a:srgbClr val="FFFFFF"/>
          </a:solidFill>
          <a:ln w="9525">
            <a:solidFill>
              <a:srgbClr val="000000"/>
            </a:solidFill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de-DE" altLang="de-DE" sz="1100" b="0" i="0" u="none" strike="noStrike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Absperrbereich</a:t>
            </a:r>
            <a:endParaRPr kumimoji="0" lang="de-DE" altLang="de-DE" sz="1800" b="0" i="0" u="none" strike="noStrike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  <p:sp>
        <p:nvSpPr>
          <p:cNvPr id="20" name="Text Box 17">
            <a:extLst>
              <a:ext uri="{FF2B5EF4-FFF2-40B4-BE49-F238E27FC236}">
                <a16:creationId xmlns:a16="http://schemas.microsoft.com/office/drawing/2014/main" id="{6990C1E1-FE1F-495C-8809-8895EC91904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" y="5157310"/>
            <a:ext cx="2257425" cy="469900"/>
          </a:xfrm>
          <a:prstGeom prst="rect">
            <a:avLst/>
          </a:prstGeom>
          <a:solidFill>
            <a:srgbClr val="FFFFFF"/>
          </a:solidFill>
          <a:ln w="9525">
            <a:solidFill>
              <a:srgbClr val="000000"/>
            </a:solidFill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de-DE" altLang="de-DE" sz="11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Bereitstellungsfläche für Einsatzmittel und Einsatzkräfte</a:t>
            </a:r>
            <a:endParaRPr kumimoji="0" lang="de-DE" altLang="de-DE" sz="18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Arial" panose="020B0604020202020204" pitchFamily="34" charset="0"/>
            </a:endParaRPr>
          </a:p>
        </p:txBody>
      </p:sp>
      <p:sp>
        <p:nvSpPr>
          <p:cNvPr id="21" name="Rectangle 18">
            <a:extLst>
              <a:ext uri="{FF2B5EF4-FFF2-40B4-BE49-F238E27FC236}">
                <a16:creationId xmlns:a16="http://schemas.microsoft.com/office/drawing/2014/main" id="{0CDBB566-3F70-4657-B1CB-374B2C1B4C04}"/>
              </a:ext>
            </a:extLst>
          </p:cNvPr>
          <p:cNvSpPr>
            <a:spLocks noChangeArrowheads="1"/>
          </p:cNvSpPr>
          <p:nvPr/>
        </p:nvSpPr>
        <p:spPr bwMode="auto">
          <a:xfrm>
            <a:off x="-95885" y="68897"/>
            <a:ext cx="9144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de-DE"/>
          </a:p>
        </p:txBody>
      </p:sp>
      <p:sp>
        <p:nvSpPr>
          <p:cNvPr id="22" name="Rectangle 25">
            <a:extLst>
              <a:ext uri="{FF2B5EF4-FFF2-40B4-BE49-F238E27FC236}">
                <a16:creationId xmlns:a16="http://schemas.microsoft.com/office/drawing/2014/main" id="{013E0FD8-DCE5-45BA-8F2F-BF26133AA3A8}"/>
              </a:ext>
            </a:extLst>
          </p:cNvPr>
          <p:cNvSpPr>
            <a:spLocks noChangeArrowheads="1"/>
          </p:cNvSpPr>
          <p:nvPr/>
        </p:nvSpPr>
        <p:spPr bwMode="auto">
          <a:xfrm>
            <a:off x="-154272" y="278446"/>
            <a:ext cx="9144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non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endParaRPr lang="de-DE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116523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5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6" dur="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7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8" dur="500" fill="hold"/>
                                        <p:tgtEl>
                                          <p:spTgt spid="2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 animBg="1"/>
      <p:bldP spid="16" grpId="0" animBg="1"/>
      <p:bldP spid="17" grpId="0" animBg="1"/>
      <p:bldP spid="18" grpId="0" animBg="1"/>
      <p:bldP spid="19" grpId="0" animBg="1"/>
      <p:bldP spid="20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el 4"/>
          <p:cNvSpPr>
            <a:spLocks noGrp="1"/>
          </p:cNvSpPr>
          <p:nvPr>
            <p:ph type="title"/>
          </p:nvPr>
        </p:nvSpPr>
        <p:spPr>
          <a:xfrm>
            <a:off x="457200" y="1052736"/>
            <a:ext cx="6553200" cy="609600"/>
          </a:xfrm>
        </p:spPr>
        <p:txBody>
          <a:bodyPr/>
          <a:lstStyle/>
          <a:p>
            <a:r>
              <a:rPr lang="de-DE" b="1" dirty="0">
                <a:solidFill>
                  <a:schemeClr val="tx1">
                    <a:lumMod val="65000"/>
                    <a:lumOff val="35000"/>
                  </a:schemeClr>
                </a:solidFill>
              </a:rPr>
              <a:t>Zusammenfassung</a:t>
            </a:r>
          </a:p>
        </p:txBody>
      </p:sp>
      <p:pic>
        <p:nvPicPr>
          <p:cNvPr id="6" name="Grafik 5">
            <a:extLst>
              <a:ext uri="{FF2B5EF4-FFF2-40B4-BE49-F238E27FC236}">
                <a16:creationId xmlns:a16="http://schemas.microsoft.com/office/drawing/2014/main" id="{FF7291A0-26D2-4646-9357-A0BB50E80C0F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57200" y="1689922"/>
            <a:ext cx="8096250" cy="40005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311914228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Inhaltsplatzhalter 3">
            <a:extLst>
              <a:ext uri="{FF2B5EF4-FFF2-40B4-BE49-F238E27FC236}">
                <a16:creationId xmlns:a16="http://schemas.microsoft.com/office/drawing/2014/main" id="{137CCE90-E677-409A-A2EC-1FCB7FC98EE8}"/>
              </a:ext>
            </a:extLst>
          </p:cNvPr>
          <p:cNvGraphicFramePr>
            <a:graphicFrameLocks noGrp="1"/>
          </p:cNvGraphicFramePr>
          <p:nvPr>
            <p:ph idx="12"/>
          </p:nvPr>
        </p:nvGraphicFramePr>
        <p:xfrm>
          <a:off x="457200" y="1196752"/>
          <a:ext cx="8229600" cy="468052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4" r:lo="rId5" r:qs="rId6" r:cs="rId7"/>
          </a:graphicData>
        </a:graphic>
      </p:graphicFrame>
      <p:sp>
        <p:nvSpPr>
          <p:cNvPr id="3" name="Titel 2">
            <a:extLst>
              <a:ext uri="{FF2B5EF4-FFF2-40B4-BE49-F238E27FC236}">
                <a16:creationId xmlns:a16="http://schemas.microsoft.com/office/drawing/2014/main" id="{1B7094B9-5210-4FFD-B2B8-91777B05CFE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836712"/>
            <a:ext cx="6553200" cy="432048"/>
          </a:xfrm>
        </p:spPr>
        <p:txBody>
          <a:bodyPr/>
          <a:lstStyle/>
          <a:p>
            <a:r>
              <a:rPr lang="de-DE" b="1" u="sng" dirty="0"/>
              <a:t>Gliederung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25703059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796E9FEF-A5D7-49F4-9867-0DB63CEBB46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b="1" u="sng" dirty="0"/>
              <a:t>Wer macht was? </a:t>
            </a:r>
            <a:br>
              <a:rPr lang="de-DE" b="1" u="sng" dirty="0"/>
            </a:br>
            <a:r>
              <a:rPr lang="de-DE" b="1" u="sng" dirty="0"/>
              <a:t>Einheitsführer</a:t>
            </a:r>
          </a:p>
        </p:txBody>
      </p:sp>
      <p:pic>
        <p:nvPicPr>
          <p:cNvPr id="6" name="Bildplatzhalter 5">
            <a:extLst>
              <a:ext uri="{FF2B5EF4-FFF2-40B4-BE49-F238E27FC236}">
                <a16:creationId xmlns:a16="http://schemas.microsoft.com/office/drawing/2014/main" id="{081DA426-95BE-436B-9B59-9CEF7A10E022}"/>
              </a:ext>
            </a:extLst>
          </p:cNvPr>
          <p:cNvPicPr>
            <a:picLocks noGrp="1" noChangeAspect="1"/>
          </p:cNvPicPr>
          <p:nvPr>
            <p:ph type="pic" sz="quarter" idx="12"/>
          </p:nvPr>
        </p:nvPicPr>
        <p:blipFill>
          <a:blip r:embed="rId4"/>
          <a:srcRect l="29449" r="29449"/>
          <a:stretch>
            <a:fillRect/>
          </a:stretch>
        </p:blipFill>
        <p:spPr/>
      </p:pic>
      <p:sp>
        <p:nvSpPr>
          <p:cNvPr id="7" name="Inhaltsplatzhalter 6">
            <a:extLst>
              <a:ext uri="{FF2B5EF4-FFF2-40B4-BE49-F238E27FC236}">
                <a16:creationId xmlns:a16="http://schemas.microsoft.com/office/drawing/2014/main" id="{4992DD85-2151-4DC6-BE6B-B47198736EEC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57200" y="2276872"/>
            <a:ext cx="4834880" cy="3456384"/>
          </a:xfrm>
          <a:ln w="19050">
            <a:solidFill>
              <a:srgbClr val="C00000"/>
            </a:solidFill>
          </a:ln>
        </p:spPr>
        <p:txBody>
          <a:bodyPr>
            <a:normAutofit/>
          </a:bodyPr>
          <a:lstStyle/>
          <a:p>
            <a:pPr>
              <a:buNone/>
            </a:pPr>
            <a:r>
              <a:rPr lang="de-DE" sz="2200" dirty="0">
                <a:latin typeface="Frutiger CE 45 Light"/>
              </a:rPr>
              <a:t>	Er führt seine taktische Einheit und ist 	an keinen bestimmten Ort gebunden</a:t>
            </a:r>
          </a:p>
          <a:p>
            <a:pPr>
              <a:buNone/>
            </a:pPr>
            <a:r>
              <a:rPr lang="de-DE" sz="2200" dirty="0">
                <a:latin typeface="Frutiger CE 45 Light"/>
              </a:rPr>
              <a:t>	Er ist für die Sicherheit seiner 	Mannschaft verantwortlich</a:t>
            </a:r>
          </a:p>
          <a:p>
            <a:pPr>
              <a:buNone/>
            </a:pPr>
            <a:r>
              <a:rPr lang="de-DE" sz="2200" dirty="0">
                <a:latin typeface="Frutiger CE 45 Light"/>
              </a:rPr>
              <a:t>	Er bestimmt die Fahrzeugaufstellung, 	die Ordnung des Raumes und ggf. die 	Standorte von Aggregaten</a:t>
            </a:r>
          </a:p>
          <a:p>
            <a:endParaRPr lang="de-DE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10360111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C9D33154-6486-4FC6-A595-F786D04EA81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de-DE" u="sng" dirty="0"/>
              <a:t>Melder </a:t>
            </a:r>
          </a:p>
        </p:txBody>
      </p:sp>
      <p:sp>
        <p:nvSpPr>
          <p:cNvPr id="4" name="Inhaltsplatzhalter 3">
            <a:extLst>
              <a:ext uri="{FF2B5EF4-FFF2-40B4-BE49-F238E27FC236}">
                <a16:creationId xmlns:a16="http://schemas.microsoft.com/office/drawing/2014/main" id="{603F02B4-A3CA-4D74-A4A1-8E34FC1D75F3}"/>
              </a:ext>
            </a:extLst>
          </p:cNvPr>
          <p:cNvSpPr>
            <a:spLocks noGrp="1"/>
          </p:cNvSpPr>
          <p:nvPr>
            <p:ph idx="1"/>
          </p:nvPr>
        </p:nvSpPr>
        <p:spPr>
          <a:ln w="28575">
            <a:solidFill>
              <a:srgbClr val="C00000"/>
            </a:solidFill>
          </a:ln>
        </p:spPr>
        <p:txBody>
          <a:bodyPr>
            <a:normAutofit/>
          </a:bodyPr>
          <a:lstStyle/>
          <a:p>
            <a:pPr marL="457200" lvl="1" indent="0">
              <a:buNone/>
            </a:pPr>
            <a:r>
              <a:rPr lang="de-DE" sz="2200" dirty="0">
                <a:latin typeface="Frutiger CE 45 Light"/>
              </a:rPr>
              <a:t>Er übernimmt die befohlenen Aufgaben, beispielsweise </a:t>
            </a:r>
          </a:p>
          <a:p>
            <a:pPr lvl="1">
              <a:buFont typeface="Courier New" panose="02070309020205020404" pitchFamily="49" charset="0"/>
              <a:buChar char="o"/>
            </a:pPr>
            <a:r>
              <a:rPr lang="de-DE" sz="2200" dirty="0">
                <a:latin typeface="Frutiger CE 45 Light"/>
              </a:rPr>
              <a:t>bei der Lagefeststellung, </a:t>
            </a:r>
          </a:p>
          <a:p>
            <a:pPr lvl="1">
              <a:buFont typeface="Courier New" panose="02070309020205020404" pitchFamily="49" charset="0"/>
              <a:buChar char="o"/>
            </a:pPr>
            <a:r>
              <a:rPr lang="de-DE" sz="2200" dirty="0">
                <a:latin typeface="Frutiger CE 45 Light"/>
              </a:rPr>
              <a:t>beim In-Stellung-Bringen der Einsatzmittel, </a:t>
            </a:r>
          </a:p>
          <a:p>
            <a:pPr lvl="1">
              <a:buFont typeface="Courier New" panose="02070309020205020404" pitchFamily="49" charset="0"/>
              <a:buChar char="o"/>
            </a:pPr>
            <a:r>
              <a:rPr lang="de-DE" sz="2200" dirty="0">
                <a:latin typeface="Frutiger CE 45 Light"/>
              </a:rPr>
              <a:t>beim Betreuen von Personen, </a:t>
            </a:r>
          </a:p>
          <a:p>
            <a:pPr lvl="1">
              <a:buFont typeface="Courier New" panose="02070309020205020404" pitchFamily="49" charset="0"/>
              <a:buChar char="o"/>
            </a:pPr>
            <a:r>
              <a:rPr lang="de-DE" sz="2200" dirty="0">
                <a:latin typeface="Frutiger CE 45 Light"/>
              </a:rPr>
              <a:t>bei der Informationsbeschaffung  </a:t>
            </a:r>
          </a:p>
          <a:p>
            <a:endParaRPr lang="de-DE" dirty="0"/>
          </a:p>
        </p:txBody>
      </p:sp>
      <p:pic>
        <p:nvPicPr>
          <p:cNvPr id="8" name="Bildplatzhalter 7">
            <a:extLst>
              <a:ext uri="{FF2B5EF4-FFF2-40B4-BE49-F238E27FC236}">
                <a16:creationId xmlns:a16="http://schemas.microsoft.com/office/drawing/2014/main" id="{21C283F9-F1D0-467E-B823-1E994C127416}"/>
              </a:ext>
            </a:extLst>
          </p:cNvPr>
          <p:cNvPicPr>
            <a:picLocks noGrp="1" noChangeAspect="1"/>
          </p:cNvPicPr>
          <p:nvPr>
            <p:ph type="pic" sz="quarter" idx="12"/>
          </p:nvPr>
        </p:nvPicPr>
        <p:blipFill>
          <a:blip r:embed="rId2"/>
          <a:stretch>
            <a:fillRect/>
          </a:stretch>
        </p:blipFill>
        <p:spPr>
          <a:xfrm>
            <a:off x="5436096" y="1788357"/>
            <a:ext cx="2869841" cy="35047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1373563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C9D33154-6486-4FC6-A595-F786D04EA81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1047693"/>
            <a:ext cx="4267200" cy="990600"/>
          </a:xfrm>
        </p:spPr>
        <p:txBody>
          <a:bodyPr/>
          <a:lstStyle/>
          <a:p>
            <a:r>
              <a:rPr lang="de-DE" u="sng" dirty="0"/>
              <a:t>Maschinist</a:t>
            </a:r>
          </a:p>
        </p:txBody>
      </p:sp>
      <p:sp>
        <p:nvSpPr>
          <p:cNvPr id="4" name="Inhaltsplatzhalter 3">
            <a:extLst>
              <a:ext uri="{FF2B5EF4-FFF2-40B4-BE49-F238E27FC236}">
                <a16:creationId xmlns:a16="http://schemas.microsoft.com/office/drawing/2014/main" id="{603F02B4-A3CA-4D74-A4A1-8E34FC1D75F3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57200" y="1849867"/>
            <a:ext cx="4762872" cy="3960440"/>
          </a:xfrm>
          <a:ln w="28575">
            <a:solidFill>
              <a:srgbClr val="C00000"/>
            </a:solidFill>
          </a:ln>
        </p:spPr>
        <p:txBody>
          <a:bodyPr>
            <a:normAutofit fontScale="85000" lnSpcReduction="20000"/>
          </a:bodyPr>
          <a:lstStyle/>
          <a:p>
            <a:pPr lvl="0">
              <a:buNone/>
            </a:pPr>
            <a:r>
              <a:rPr lang="de-DE" sz="2600" dirty="0">
                <a:latin typeface="Frutiger CE 45 Light"/>
              </a:rPr>
              <a:t>	Er ist der Fahrer und bedient die 	Aggregate</a:t>
            </a:r>
          </a:p>
          <a:p>
            <a:pPr lvl="0">
              <a:buNone/>
            </a:pPr>
            <a:r>
              <a:rPr lang="de-DE" sz="2600" dirty="0">
                <a:latin typeface="Frutiger CE 45 Light"/>
              </a:rPr>
              <a:t>	Er sichert sofort die Einsatzstelle 	mit Warnblinkanlage, Fahrlicht und 	blauem Blinklicht</a:t>
            </a:r>
          </a:p>
          <a:p>
            <a:pPr lvl="0">
              <a:buNone/>
            </a:pPr>
            <a:r>
              <a:rPr lang="de-DE" sz="2600" dirty="0">
                <a:latin typeface="Frutiger CE 45 Light"/>
              </a:rPr>
              <a:t>	Er unterstützt bei der Entnahme 	und ggf. Bereitstellung der Geräte, 	ist für die ordnungsgemäße 	</a:t>
            </a:r>
            <a:r>
              <a:rPr lang="de-DE" sz="2600" dirty="0" err="1">
                <a:latin typeface="Frutiger CE 45 Light"/>
              </a:rPr>
              <a:t>Verlastung</a:t>
            </a:r>
            <a:r>
              <a:rPr lang="de-DE" sz="2600" dirty="0">
                <a:latin typeface="Frutiger CE 45 Light"/>
              </a:rPr>
              <a:t> verantwortlich und 	meldet Mängel an den Einsatzmitteln 	an den Einheitsführer</a:t>
            </a:r>
          </a:p>
          <a:p>
            <a:endParaRPr lang="de-DE" dirty="0"/>
          </a:p>
        </p:txBody>
      </p:sp>
      <p:pic>
        <p:nvPicPr>
          <p:cNvPr id="8" name="Bildplatzhalter 7">
            <a:extLst>
              <a:ext uri="{FF2B5EF4-FFF2-40B4-BE49-F238E27FC236}">
                <a16:creationId xmlns:a16="http://schemas.microsoft.com/office/drawing/2014/main" id="{21C283F9-F1D0-467E-B823-1E994C127416}"/>
              </a:ext>
            </a:extLst>
          </p:cNvPr>
          <p:cNvPicPr>
            <a:picLocks noGrp="1" noChangeAspect="1"/>
          </p:cNvPicPr>
          <p:nvPr>
            <p:ph type="pic" sz="quarter" idx="12"/>
          </p:nvPr>
        </p:nvPicPr>
        <p:blipFill>
          <a:blip r:embed="rId2"/>
          <a:stretch>
            <a:fillRect/>
          </a:stretch>
        </p:blipFill>
        <p:spPr>
          <a:xfrm>
            <a:off x="5816959" y="1916832"/>
            <a:ext cx="2869841" cy="35047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35630923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C9D33154-6486-4FC6-A595-F786D04EA81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1047693"/>
            <a:ext cx="4267200" cy="990600"/>
          </a:xfrm>
        </p:spPr>
        <p:txBody>
          <a:bodyPr/>
          <a:lstStyle/>
          <a:p>
            <a:r>
              <a:rPr lang="de-DE" u="sng" dirty="0"/>
              <a:t>Angriffstrupp</a:t>
            </a:r>
          </a:p>
        </p:txBody>
      </p:sp>
      <p:sp>
        <p:nvSpPr>
          <p:cNvPr id="4" name="Inhaltsplatzhalter 3">
            <a:extLst>
              <a:ext uri="{FF2B5EF4-FFF2-40B4-BE49-F238E27FC236}">
                <a16:creationId xmlns:a16="http://schemas.microsoft.com/office/drawing/2014/main" id="{603F02B4-A3CA-4D74-A4A1-8E34FC1D75F3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457200" y="1849867"/>
            <a:ext cx="4762872" cy="3451341"/>
          </a:xfrm>
          <a:ln w="28575">
            <a:solidFill>
              <a:srgbClr val="C00000"/>
            </a:solidFill>
          </a:ln>
        </p:spPr>
        <p:txBody>
          <a:bodyPr>
            <a:normAutofit/>
          </a:bodyPr>
          <a:lstStyle/>
          <a:p>
            <a:pPr lvl="0">
              <a:buNone/>
            </a:pPr>
            <a:r>
              <a:rPr lang="de-DE" sz="2200" dirty="0">
                <a:latin typeface="Frutiger CE 45 Light"/>
              </a:rPr>
              <a:t>	Er rettet und führt bis zur Übergabe 	an den Rettungsdienst die 	Erstversorgung durch.</a:t>
            </a:r>
          </a:p>
          <a:p>
            <a:pPr lvl="0">
              <a:buNone/>
            </a:pPr>
            <a:r>
              <a:rPr lang="de-DE" sz="2200" dirty="0">
                <a:latin typeface="Frutiger CE 45 Light"/>
              </a:rPr>
              <a:t>	Er leistet technische Hilfe.</a:t>
            </a:r>
          </a:p>
          <a:p>
            <a:pPr lvl="0">
              <a:buNone/>
            </a:pPr>
            <a:r>
              <a:rPr lang="de-DE" sz="2200" dirty="0">
                <a:latin typeface="Frutiger CE 45 Light"/>
              </a:rPr>
              <a:t>	Wenn der Schlauchtrupp nicht zur 	Verfügung steht, bringt der 	Angriffstrupp seine Einsatzmittel 	selbst vor.</a:t>
            </a:r>
          </a:p>
          <a:p>
            <a:pPr>
              <a:buNone/>
            </a:pPr>
            <a:endParaRPr lang="de-DE" dirty="0"/>
          </a:p>
        </p:txBody>
      </p:sp>
      <p:pic>
        <p:nvPicPr>
          <p:cNvPr id="8" name="Bildplatzhalter 7">
            <a:extLst>
              <a:ext uri="{FF2B5EF4-FFF2-40B4-BE49-F238E27FC236}">
                <a16:creationId xmlns:a16="http://schemas.microsoft.com/office/drawing/2014/main" id="{21C283F9-F1D0-467E-B823-1E994C127416}"/>
              </a:ext>
            </a:extLst>
          </p:cNvPr>
          <p:cNvPicPr>
            <a:picLocks noGrp="1" noChangeAspect="1"/>
          </p:cNvPicPr>
          <p:nvPr>
            <p:ph type="pic" sz="quarter" idx="12"/>
          </p:nvPr>
        </p:nvPicPr>
        <p:blipFill>
          <a:blip r:embed="rId2"/>
          <a:stretch>
            <a:fillRect/>
          </a:stretch>
        </p:blipFill>
        <p:spPr>
          <a:xfrm>
            <a:off x="5580112" y="2302296"/>
            <a:ext cx="3003513" cy="261734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84349726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C9D33154-6486-4FC6-A595-F786D04EA81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1047693"/>
            <a:ext cx="4267200" cy="990600"/>
          </a:xfrm>
        </p:spPr>
        <p:txBody>
          <a:bodyPr/>
          <a:lstStyle/>
          <a:p>
            <a:r>
              <a:rPr lang="de-DE" u="sng" dirty="0"/>
              <a:t>Wassertrupp</a:t>
            </a:r>
          </a:p>
        </p:txBody>
      </p:sp>
      <p:sp>
        <p:nvSpPr>
          <p:cNvPr id="4" name="Inhaltsplatzhalter 3">
            <a:extLst>
              <a:ext uri="{FF2B5EF4-FFF2-40B4-BE49-F238E27FC236}">
                <a16:creationId xmlns:a16="http://schemas.microsoft.com/office/drawing/2014/main" id="{603F02B4-A3CA-4D74-A4A1-8E34FC1D75F3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60376" y="2564904"/>
            <a:ext cx="4762872" cy="2515237"/>
          </a:xfrm>
          <a:ln w="28575">
            <a:solidFill>
              <a:srgbClr val="C00000"/>
            </a:solidFill>
          </a:ln>
        </p:spPr>
        <p:txBody>
          <a:bodyPr>
            <a:normAutofit/>
          </a:bodyPr>
          <a:lstStyle/>
          <a:p>
            <a:pPr lvl="0">
              <a:buNone/>
            </a:pPr>
            <a:r>
              <a:rPr lang="de-DE" sz="2200" dirty="0">
                <a:latin typeface="Frutiger CE 45 Light"/>
              </a:rPr>
              <a:t>	Er sichert auf Befehl die Einsatzstelle 	gegen weitere Gefahren und nimmt 	die hierfür erforderlichen 	Einsatzmittel vor.</a:t>
            </a:r>
          </a:p>
          <a:p>
            <a:pPr lvl="0">
              <a:buNone/>
            </a:pPr>
            <a:r>
              <a:rPr lang="de-DE" sz="2200" dirty="0">
                <a:latin typeface="Frutiger CE 45 Light"/>
              </a:rPr>
              <a:t>	Danach steht er für weitere Aufgaben 	zur Verfügung. </a:t>
            </a:r>
          </a:p>
          <a:p>
            <a:pPr>
              <a:buNone/>
            </a:pPr>
            <a:endParaRPr lang="de-DE" dirty="0"/>
          </a:p>
        </p:txBody>
      </p:sp>
      <p:pic>
        <p:nvPicPr>
          <p:cNvPr id="8" name="Bildplatzhalter 7">
            <a:extLst>
              <a:ext uri="{FF2B5EF4-FFF2-40B4-BE49-F238E27FC236}">
                <a16:creationId xmlns:a16="http://schemas.microsoft.com/office/drawing/2014/main" id="{21C283F9-F1D0-467E-B823-1E994C127416}"/>
              </a:ext>
            </a:extLst>
          </p:cNvPr>
          <p:cNvPicPr>
            <a:picLocks noGrp="1" noChangeAspect="1"/>
          </p:cNvPicPr>
          <p:nvPr>
            <p:ph type="pic" sz="quarter" idx="12"/>
          </p:nvPr>
        </p:nvPicPr>
        <p:blipFill>
          <a:blip r:embed="rId2"/>
          <a:stretch>
            <a:fillRect/>
          </a:stretch>
        </p:blipFill>
        <p:spPr>
          <a:xfrm>
            <a:off x="5580112" y="2302296"/>
            <a:ext cx="3003512" cy="261734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28335987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el 2">
            <a:extLst>
              <a:ext uri="{FF2B5EF4-FFF2-40B4-BE49-F238E27FC236}">
                <a16:creationId xmlns:a16="http://schemas.microsoft.com/office/drawing/2014/main" id="{C9D33154-6486-4FC6-A595-F786D04EA81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457200" y="1047693"/>
            <a:ext cx="4267200" cy="990600"/>
          </a:xfrm>
        </p:spPr>
        <p:txBody>
          <a:bodyPr/>
          <a:lstStyle/>
          <a:p>
            <a:r>
              <a:rPr lang="de-DE" u="sng" dirty="0"/>
              <a:t>Schlauchtrupp</a:t>
            </a:r>
          </a:p>
        </p:txBody>
      </p:sp>
      <p:sp>
        <p:nvSpPr>
          <p:cNvPr id="4" name="Inhaltsplatzhalter 3">
            <a:extLst>
              <a:ext uri="{FF2B5EF4-FFF2-40B4-BE49-F238E27FC236}">
                <a16:creationId xmlns:a16="http://schemas.microsoft.com/office/drawing/2014/main" id="{603F02B4-A3CA-4D74-A4A1-8E34FC1D75F3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251519" y="1700808"/>
            <a:ext cx="5608987" cy="4032448"/>
          </a:xfrm>
          <a:ln w="28575">
            <a:solidFill>
              <a:srgbClr val="C00000"/>
            </a:solidFill>
          </a:ln>
        </p:spPr>
        <p:txBody>
          <a:bodyPr>
            <a:normAutofit fontScale="47500" lnSpcReduction="20000"/>
          </a:bodyPr>
          <a:lstStyle/>
          <a:p>
            <a:pPr lvl="0">
              <a:buNone/>
            </a:pPr>
            <a:r>
              <a:rPr lang="de-DE" sz="4400" dirty="0">
                <a:latin typeface="Frutiger CE 45 Light"/>
              </a:rPr>
              <a:t>	Er bereitet die befohlenen Geräte für den 	Angriffstrupp vor. </a:t>
            </a:r>
          </a:p>
          <a:p>
            <a:pPr lvl="0">
              <a:buNone/>
            </a:pPr>
            <a:r>
              <a:rPr lang="de-DE" sz="4400" dirty="0">
                <a:latin typeface="Frutiger CE 45 Light"/>
              </a:rPr>
              <a:t>	Soweit erforderlich unterstützt er den 	Angriffstrupp und betreibt die zugehörigen 	Aggregate.</a:t>
            </a:r>
          </a:p>
          <a:p>
            <a:pPr lvl="0">
              <a:buNone/>
            </a:pPr>
            <a:r>
              <a:rPr lang="de-DE" sz="4400" dirty="0">
                <a:latin typeface="Frutiger CE 45 Light"/>
              </a:rPr>
              <a:t>	Wenn der Angriffstrupp durch die 	Erstversorgung verletzter und/oder in 	Zwangslage befindlicher Personen gebunden, 	setzt der Schlauchtrupp die befohlenen Geräte 	ein.</a:t>
            </a:r>
          </a:p>
          <a:p>
            <a:pPr lvl="0">
              <a:buNone/>
            </a:pPr>
            <a:r>
              <a:rPr lang="de-DE" sz="4400" dirty="0">
                <a:latin typeface="Frutiger CE 45 Light"/>
              </a:rPr>
              <a:t>	Auf Befehl übernimmt er zusätzliche 	Sicherungsmaßnahmen oder andere Aufgaben. </a:t>
            </a:r>
          </a:p>
          <a:p>
            <a:pPr>
              <a:buNone/>
            </a:pPr>
            <a:endParaRPr lang="de-DE" dirty="0"/>
          </a:p>
        </p:txBody>
      </p:sp>
      <p:pic>
        <p:nvPicPr>
          <p:cNvPr id="8" name="Bildplatzhalter 7">
            <a:extLst>
              <a:ext uri="{FF2B5EF4-FFF2-40B4-BE49-F238E27FC236}">
                <a16:creationId xmlns:a16="http://schemas.microsoft.com/office/drawing/2014/main" id="{21C283F9-F1D0-467E-B823-1E994C127416}"/>
              </a:ext>
            </a:extLst>
          </p:cNvPr>
          <p:cNvPicPr>
            <a:picLocks noGrp="1" noChangeAspect="1"/>
          </p:cNvPicPr>
          <p:nvPr>
            <p:ph type="pic" sz="quarter" idx="12"/>
          </p:nvPr>
        </p:nvPicPr>
        <p:blipFill>
          <a:blip r:embed="rId2"/>
          <a:stretch>
            <a:fillRect/>
          </a:stretch>
        </p:blipFill>
        <p:spPr>
          <a:xfrm>
            <a:off x="5905163" y="941437"/>
            <a:ext cx="3003512" cy="261734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19721928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D7543D&quot;,&quot;opacity&quot;:1,&quot;type&quot;:&quot;SOLID&quot;},&quot;primaryButtonBackgroundHover&quot;:{&quot;color&quot;:&quot;#BC4733&quot;,&quot;opacity&quot;:1,&quot;type&quot;:&quot;SOLID&quot;},&quot;primaryButtonBorder&quot;:{&quot;color&quot;:&quot;#D7543D&quot;,&quot;opacity&quot;:1,&quot;type&quot;:&quot;SOLID&quot;},&quot;primaryButtonBorderHover&quot;:{&quot;color&quot;:&quot;#BC4733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true,&quot;showPlaybackRateButton&quot;:true,&quot;showPrevButton&quot;:true,&quot;showRewind&quot;:false,&quot;showSlideNumbers&quot;:true,&quot;showSlideOnlyButton&quot;:false,&quot;showVolumeControl&quot;:tru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],&quot;buttonsAtLeft&quot;:false,&quot;courseTitleVisible&quot;:true,&quot;showLogo&quot;:false,&quot;visible&quot;:true},&quot;version&quot;:&quot;1.0&quot;},&quot;skinMessages&quot;:{&quot;PB_ACCESSIBLE_ARIA_LABEL_BACK_TO_BEGIN&quot;:&quot;Zum Anfang der Folie gehen&quot;,&quot;PB_ACCESSIBLE_ARIA_LABEL_BOTTOM_PANEL&quot;:&quot;Fußleiste&quot;,&quot;PB_ACCESSIBLE_ARIA_LABEL_NAVIGATION_BUTTONS&quot;:&quot;Navigationsschalftflächen&quot;,&quot;PB_ACCESSIBLE_ARIA_LABEL_SETTINGS&quot;:&quot;Einstellungen zur Barrierefreiheit&quot;,&quot;PB_ACCESSIBLE_ARIA_LABEL_SLIDE&quot;:&quot;Folie&quot;,&quot;PB_ACCESSIBLE_ARIA_LABEL_TOP_PANEL&quot;:&quot;Kopfleiste&quot;,&quot;PB_ACCESSIBLE_AUDIO_NARRATION_LABEL&quot;:&quot;Audioaufzeichnung&quot;,&quot;PB_ACCESSIBLE_NAVIGATION_NEXT_BUTTON&quot;:&quot;Weiter&quot;,&quot;PB_ACCESSIBLE_NAVIGATION_PREV_BUTTON&quot;:&quot;Zurück&quot;,&quot;PB_ACCESSIBLE_PLAYER_SCENARIO_NOT_SUPPORTED&quot;:&quot;Die Gesprächssimulation wird im barrierefreien Modus nicht unterstützt&quot;,&quot;PB_ACCESSIBLE_SKIN_ENABLE_ACCESSIBILITY_MODE&quot;:&quot;Barrierefreien Modus einschalten&quot;,&quot;PB_ACCESSIBLE_SKIN_ENABLE_NORMAL_MODE&quot;:&quot;Barrierefreien Modus ausschalten&quot;,&quot;PB_ACCESSIBLE_SKIN_PRESENTER_PHOTO&quot;:&quot;Bild vom Dozenten&quot;,&quot;PB_ACCESSIBLE_SLIDE_N_OF_COUNT&quot;:&quot;Folie %SLIDE_NUMBER% von %TOTAL_SLIDES%&quot;,&quot;PB_ACCESSIBLE_VIDEO_NARRATION_LABEL&quot;:&quot;Videoaufzeichnung&quot;,&quot;PB_ACCESSIBLE_WATERMARK_SKIN_CREATED_WITH&quot;:&quot;Erstellt mit iSpring Testversion&quot;,&quot;PB_ATTACHMENT_DOCUMENT_SUBTITLE&quot;:&quot;Dokument&quot;,&quot;PB_ATTACHMENT_FILE_SUBTITLE&quot;:&quot;Datei&quot;,&quot;PB_ATTACHMENT_IMAGE_SUBTITLE&quot;:&quot;Bild&quot;,&quot;PB_ATTACHMENT_LINK_SUBTITLE&quot;:&quot;Link&quot;,&quot;PB_ATTACHMENT_VIDEO_SUBTITLE&quot;:&quot;Video&quot;,&quot;PB_BACK_TO_APP_BUTTON_LABEL&quot;:&quot;Zurück&quot;,&quot;PB_CC_MENU_OFF&quot;:&quot;Aus&quot;,&quot;PB_CC_MENU_ON&quot;:&quot;An&quot;,&quot;PB_CC_MENU_TITLE&quot;:&quot;Notizen&quot;,&quot;PB_COMPANY_LOGO_BIG&quot;:&quot;Firmenlogo \n(266x156)&quot;,&quot;PB_COMPANY_LOGO_SMALL&quot;:&quot;Firmenlogo (266x50)&quot;,&quot;PB_CONTROL_PANEL_EXIT_FULL_SCREEN&quot;:&quot;Vollbildmodus verlassen&quot;,&quot;PB_CONTROL_PANEL_FULL_SCREEN&quot;:&quot;Vollbild-Modus&quot;,&quot;PB_CONTROL_PANEL_NEXT&quot;:&quot;Weiter&quot;,&quot;PB_CONTROL_PANEL_OUTLINE&quot;:&quot;Inhaltsverzeichnis&quot;,&quot;PB_CONTROL_PANEL_PREV&quot;:&quot;&quot;,&quot;PB_CONTROL_PANEL_REPLAY&quot;:&quot;Nochmals abspielen&quot;,&quot;PB_CONTROL_PANEL_SLIDE_COUNTER&quot;:&quot;%SLIDE_NUMBER% von %TOTAL_SLIDES%&quot;,&quot;PB_CONTROL_PANEL_VOLUME_CONTROL&quot;:&quot;Lautstärke&quot;,&quot;PB_CURRENT_SLIDE_IS_NOT_COMPLETED&quot;:&quot;Sie müssen die komplette Folie ansehen um fortfahren zu können&quot;,&quot;PB_DOMAIN_RESTRICTION&quot;:&quot;Entschuldigung Sie bitte, aber der Autor hat das Ausführen der Präsentation auf dieser Domäne nicht erlaubt.&quot;,&quot;PB_DOWNLOAD_APP_MESSAGE&quot;:&quot;Um diese Präsentation mit Videos ansehen zu können, laden Sie bitte die kostenlose iOS Anwendung iSpring Play herunter.&quot;,&quot;PB_DRAWING_TOOLS_END_DRAWING&quot;:&quot;Zeichnen beenden&quot;,&quot;PB_DRAWING_TOOLS_ERASER&quot;:&quot;Radiergummi&quot;,&quot;PB_DRAWING_TOOLS_ERASE_ALL&quot;:&quot;Alles löschen&quot;,&quot;PB_DRAWING_TOOLS_HIGHLIGHTER&quot;:&quot;Leuchtstift&quot;,&quot;PB_DRAWING_TOOLS_PEN&quot;:&quot;Stift&quot;,&quot;PB_ENTER_PASSWORD&quot;:&quot;Geben Sie das Passwort ein, um die Präsentation zu starten.&quot;,&quot;PB_INCORRECT_PASSWORD&quot;:&quot;Das Passwort ist nicht korrekt&quot;,&quot;PB_INTERACTION_SLIDE_WINDOW_TEXT&quot;:&quot;Sie müssen die Interaktion abschließen, bevor Sie diese Folie verlassen.&quot;,&quot;PB_LAUNCH_BTN_LABEL&quot;:&quot;&amp;Anfangen&quot;,&quot;PB_LAUNCH_IN_APP_MESSAGE&quot;:&quot;Um dies als Video anzusehen, müssen Sie iSpring Play nutzen.&quot;,&quot;PB_MESSAGE_BOX_NO&quot;:&quot;Nein&quot;,&quot;PB_MESSAGE_BOX_OK&quot;:&quot;OK&quot;,&quot;PB_MESSAGE_BOX_YES&quot;:&quot;Ja&quot;,&quot;PB_NAVIGATION_IS_RESTRICTED&quot;:&quot;Sie haben nur Zugang zu bereits angesehenen Folien.&quot;,&quot;PB_NAVIGATION_IS_SEQUENTIAL&quot;:&quot;Sie müssen sich die Folien in der vorgegebenen Reihenfolge ansehen.&quot;,&quot;PB_PLAYBACK_RATE_MENU_CAPTION&quot;:&quot;Geschwindigkeit&quot;,&quot;PB_PRECEDING_QUIZ_FAILED_WINDOW_TEXT&quot;:&quot;Sie dürfen nicht fortfahren, da Sie erst das  Quiz auf %SLIDE_INDEX%  besuchen müssen.&quot;,&quot;PB_PRECEDING_QUIZ_NOT_COMPLETED_WINDOW_TEXT&quot;:&quot;Sie müssen Folie%SLIDE_INDEX% ansehen, bevor Sie fortfahren.&quot;,&quot;PB_PRECEDING_QUIZ_NOT_PASSED_WINDOW_TEXT&quot;:&quot;Sie müssen das Quiz auf %SLIDE_INDEX% bestehen bevor Sie fortfahren.&quot;,&quot;PB_PRECEDING_SCENARIO_FAILED_WINDOW_TEXT&quot;:&quot;Sie dürfen nicht fortfahren, weil Sie die Gesprächssimulation auf Folie %SLIDE_INDEX% nicht bestanden haben.&quot;,&quot;PB_PRECEDING_SCENARIO_NOT_COMPLETED_WINDOW_TEXT&quot;:&quot;Sie müssen die Gesprächssimulation auf Folie %SLIDE_INDEX% abschließen, um fortfahren zu können.&quot;,&quot;PB_PRECEDING_SCENARIO_NOT_PASSED_WINDOW_TEXT&quot;:&quot;Sie müssen die Gesprächssimulation auf Folie %SLIDE_INDEX% bestehen, um fortfahren zu können.&quot;,&quot;PB_PRESENTER_COLLAPSE_BIO&quot;:&quot;Weniger anzeigen&quot;,&quot;PB_PRESENTER_EMAIL&quot;:&quot;E-Mail&quot;,&quot;PB_PRESENTER_EXPAND_BIO&quot;:&quot;Mehr anzeigen&quot;,&quot;PB_PRESENTER_HIDE_BIO&quot;:&quot;Verbergen&quot;,&quot;PB_PRESENTER_INFO&quot;:&quot;Informationen zum Dozenten&quot;,&quot;PB_PRESENTER_NO_INFO&quot;:&quot;Keine Dozenteninformationen&quot;,&quot;PB_PRESENTER_SHOW_BIO&quot;:&quot;Anzeigen&quot;,&quot;PB_PRESENTER_VIDEO&quot;:&quot;Dozentenvideo&quot;,&quot;PB_PRESENTER_WEBSITE&quot;:&quot;Webseite&quot;,&quot;PB_QUIZ_SLIDE_WINDOW_TEXT&quot;:&quot;Sie müssen das Quiz beenden, bevor Sie diese Folie verlassen.&quot;,&quot;PB_RATE_MENU_CAPTION&quot;:&quot;Geschwindigkeit&quot;,&quot;PB_RATE_MENU_DEFAULT_RATE&quot;:&quot;Normal&quot;,&quot;PB_RESTRICTION_MESSAGE_BOX_TITLE&quot;:&quot;Navigation ist eingeschränkt&quot;,&quot;PB_RESUME_PRESENTATION_WINDOW_TEXT&quot;:&quot;Möchten Sie von der zuletzt angesehenen Folie starten?&quot;,&quot;PB_RESUME_PRESENTATION_WINDOW_TITLE&quot;:&quot;Präsentation fortsetzen&quot;,&quot;PB_SCENARIO_SLIDE_WINDOW_TEXT&quot;:&quot;Sie müssen die Gesprächssimulation fertigstellen, bevor Sie die Folie verlassen.&quot;,&quot;PB_SEARCH_CANCEL&quot;:&quot;Abbrechen&quot;,&quot;PB_SEARCH_NO_RESULTS_LABEL&quot;:&quot;Keine Übereinstimmungen gefunden.&quot;,&quot;PB_SEARCH_PANEL_DEFAULT_TEXT&quot;:&quot;Suchen…&quot;,&quot;PB_SEARCH_RESULTS_LABEL&quot;:&quot;Suchergebnisse&quot;,&quot;PB_SEARCH_RESULT_IN_NOTES&quot;:&quot;in den Notizen&quot;,&quot;PB_SEARCH_RESULT_IN_TEXT_LABEL&quot;:&quot;in den Folien&quot;,&quot;PB_SUBTITLES_MENU_CAPTION&quot;:&quot;Untertitel&quot;,&quot;PB_SUBTITLES_OFF&quot;:&quot;Aus&quot;,&quot;PB_TAB_NOTES_LABEL&quot;:&quot;Notizen&quot;,&quot;PB_TAB_OUTLINE_LABEL&quot;:&quot;Folien&quot;,&quot;PB_TIME_RESTRICTION&quot;:&quot;Entschuldigen Sie bitte, aber der Verfasser hat die Betrachtung der Präsentation im Moment unterbunden.&quot;,&quot;PB_TITLE_PANEL_ATTACHMENTS&quot;:&quot;Anhänge&quot;,&quot;PB_TITLE_PANEL_DEFAULT_COURSE_TITLE&quot;:&quot;Kurstitel Beispiel&quot;,&quot;PB_TITLE_PANEL_MARKER_TOOLS&quot;:&quot;Zeichnung&quot;,&quot;PB_TITLE_PANEL_NOTES&quot;:&quot;Notizen&quot;,&quot;PB_TITLE_PANEL_OUTLINE&quot;:&quot;Inhaltsverzeichnis&quot;,&quot;PB_TITLE_PANEL_PRESENTER_INFO&quot;:&quot;Informationen zum Dozenten&quot;,&quot;PB_TOOLTIP_ADD_LOGO&quot;:&quot;Klicken Sie hier, um das Firmenlogo hinzuzufügen&quot;,&quot;PB_TOOLTIP_CHANGE_LOGO&quot;:&quot;Klicken Sie hier um das Firmenlogo zu bearbeiten&quot;,&quot;PB_TREE_CONTROL_LOADING&quot;:&quot;Lädt gerade…&quot;,&quot;PB_VIDEO_WINDOW_NO_VIDEO_LABEL&quot;:&quot;Kein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COURSE_TITLE&quot;,&quot;DT_HYPERLINK_TOOLTIP&quot;]},&quot;resources&quot;:{&quot;attachments&quot;:false,&quot;companyLogos&quot;:null,&quot;fonts&quot;:[{&quot;charsets&quot;:{&quot;dynamicFormatted&quot;:[&quot;DCT_INTERACTIVITY_TEXT&quot;],&quot;dynamicPlain&quot;:[&quot;DCT_COURSE_TITLE&quot;,&quot;DCT_HYPERLINK_TOOLTIP&quot;],&quot;static&quot;:[&quot;Normal&quot;,&quot;Lautstärke&quot;,&quot;%SLIDE_NUMBER% von %TOTAL_SLIDES%&quot;,&quot;Möchten Sie von der zuletzt angesehenen Folie starten?&quot;,&quot;Sie müssen das Quiz beenden, bevor Sie diese Folie verlassen.&quot;,&quot;Sie müssen das Quiz auf %SLIDE_INDEX% bestehen bevor Sie fortfahren.&quot;,&quot;Sie müssen Folie%SLIDE_INDEX% ansehen, bevor Sie fortfahren.&quot;,&quot;Sie dürfen nicht fortfahren, da Sie erst das  Quiz auf %SLIDE_INDEX%  besuchen müssen.&quot;,&quot;Sie müssen die Interaktion abschließen, bevor Sie diese Folie verlassen.&quot;,&quot;Sie müssen die Gesprächssimulation fertigstellen, bevor Sie die Folie verlassen.&quot;,&quot;Sie müssen die Gesprächssimulation auf Folie %SLIDE_INDEX% bestehen, um fortfahren zu können.&quot;,&quot;Sie müssen die Gesprächssimulation auf Folie %SLIDE_INDEX% abschließen, um fortfahren zu können.&quot;,&quot;Sie dürfen nicht fortfahren, weil Sie die Gesprächssimulation auf Folie %SLIDE_INDEX% nicht bestanden haben.&quot;,&quot;Sie müssen die komplette Folie ansehen um fortfahren zu können&quot;,&quot;Sie haben nur Zugang zu bereits angesehenen Folien.&quot;,&quot;Sie müssen sich die Folien in der vorgegebenen Reihenfolge ansehen.&quot;,&quot;Geben Sie das Passwort ein, um die Präsentation zu starten.&quot;,&quot;Das Passwort ist nicht korrekt&quot;,&quot;Entschuldigung Sie bitte, aber der Autor hat das Ausführen der Präsentation auf dieser Domäne nicht erlaubt.&quot;,&quot;Entschuldigen Sie bitte, aber der Verfasser hat die Betrachtung der Präsentation im Moment unterbunden.&quot;,&quot;Zurück&quot;,&quot;Weiter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INTERACTIVITY_TEXT&quot;],&quot;dynamicPlain&quot;:[],&quot;static&quot;:[&quot;Weiter&quot;,&quot;Geschwindigkeit&quot;,&quot;Ja&quot;,&quot;Nein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-SUITE_ISPRING_CURRENT_PLAYER_ID" val="universal"/>
  <p:tag name="ISPRING_PRESENTATION_COURSE_TITLE" val="Basis 9.1 - TH Grundlagen Präsentation"/>
  <p:tag name="ISPRING_LMS_API_VERSION" val="SCORM 2004 (4th edition)"/>
  <p:tag name="ISPRING_ULTRA_SCORM_COURSE_ID" val="BDCE4501-F791-4FC5-AFC0-CDAC6AA9BBB1"/>
  <p:tag name="ISPRING_CMI5_LAUNCH_METHOD" val="any window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CLOUDFOLDERID" val="1"/>
  <p:tag name="ISPRINGONLINEFOLDERID" val="1"/>
  <p:tag name="ISPRING_OUTPUT_FOLDER" val="[[&quot;\uFFFD\u0018h\uFFFD{F369EC98-67A3-4F0E-9536-1009CD459043}&quot;,&quot;T:\\NLBK\\Novellierung_Truppausbildung_2024\\03 Basismodule\\Basis 9.0 - Einheiten im Hilfeleistungseinsatz\\Basis 9.1 - Einheiten im Hilfeleistungseinsatz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SCORM_RATE_SLIDES" val="0"/>
  <p:tag name="ISPRING_SCORM_RATE_QUIZZES" val="0"/>
  <p:tag name="ISPRING_SCORM_PASSING_SCORE" val="0.000000"/>
  <p:tag name="ISPRING_PRESENTATION_TITLE" val="Basis 9.1 - TH Grundlagen Präsentation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94964F6-A7A3-4089-9007-9DDB3E35774B}:29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DA63319-BF78-4644-BF92-CA20BC03BB60}:29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8BE862D-D45C-46A8-BC92-69143BA8211C}:292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9843DE1-52CF-4E5A-9F0A-8434D86BDA51}:293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5BE27BD-4BDF-497C-99B4-3ECB89B49367}:294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0A1CD50-208E-4540-AC3A-8AE685A9C056}:29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3BD4654-0590-4F01-82A7-4DB3BCAC921C}:296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DD38950-10AD-46EA-A045-FB2C91E4DA1B}:282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420606E-550D-46FD-86FF-CA6CFA6FF0C8}:266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8427B5-A620-4780-B2EA-3B215FB81DD7}:28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78427B5-A620-4780-B2EA-3B215FB81DD7}:28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E7443B5A-ADD8-4591-A1E8-B34280A925C1}:28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3D64C8-1CBB-46FD-BAE4-D534ADE602DD}:286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8F01DA1-E808-4A48-B3F8-7115B3C4F70E}:287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ECFD098-8316-4AEC-8FFA-F5C2AD317053}:288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30E8B05-B37A-4475-850D-F6F1ACAA290F}:289"/>
</p:tagLst>
</file>

<file path=ppt/theme/theme1.xml><?xml version="1.0" encoding="utf-8"?>
<a:theme xmlns:a="http://schemas.openxmlformats.org/drawingml/2006/main" name="Titel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20200624 RU Muster-Präsentation NLBK" id="{D09F790F-6057-4FDF-BA2D-69D9162EF19C}" vid="{3F01A0E8-55E6-4EC3-949E-7E8243669E9F}"/>
    </a:ext>
  </a:extLst>
</a:theme>
</file>

<file path=ppt/theme/theme2.xml><?xml version="1.0" encoding="utf-8"?>
<a:theme xmlns:a="http://schemas.openxmlformats.org/drawingml/2006/main" name="Folien Inhalt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  <a:extLst>
    <a:ext uri="{05A4C25C-085E-4340-85A3-A5531E510DB2}">
      <thm15:themeFamily xmlns:thm15="http://schemas.microsoft.com/office/thememl/2012/main" name="20200624 RU Muster-Präsentation NLBK" id="{D09F790F-6057-4FDF-BA2D-69D9162EF19C}" vid="{5226889E-A30A-42E5-9839-D1189686F3C7}"/>
    </a:ext>
  </a:extLst>
</a:theme>
</file>

<file path=ppt/theme/theme3.xml><?xml version="1.0" encoding="utf-8"?>
<a:theme xmlns:a="http://schemas.openxmlformats.org/drawingml/2006/main" name="Office-Design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-Design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20200624 RU Muster-Präsentation NLBK</Template>
  <TotalTime>0</TotalTime>
  <Words>762</Words>
  <Application>Microsoft Office PowerPoint</Application>
  <PresentationFormat>Bildschirmpräsentation (4:3)</PresentationFormat>
  <Paragraphs>157</Paragraphs>
  <Slides>21</Slides>
  <Notes>16</Notes>
  <HiddenSlides>0</HiddenSlides>
  <MMClips>0</MMClips>
  <ScaleCrop>false</ScaleCrop>
  <HeadingPairs>
    <vt:vector size="6" baseType="variant">
      <vt:variant>
        <vt:lpstr>Verwendete Schriftarten</vt:lpstr>
      </vt:variant>
      <vt:variant>
        <vt:i4>8</vt:i4>
      </vt:variant>
      <vt:variant>
        <vt:lpstr>Design</vt:lpstr>
      </vt:variant>
      <vt:variant>
        <vt:i4>2</vt:i4>
      </vt:variant>
      <vt:variant>
        <vt:lpstr>Folientitel</vt:lpstr>
      </vt:variant>
      <vt:variant>
        <vt:i4>21</vt:i4>
      </vt:variant>
    </vt:vector>
  </HeadingPairs>
  <TitlesOfParts>
    <vt:vector size="31" baseType="lpstr">
      <vt:lpstr>Arial</vt:lpstr>
      <vt:lpstr>Calibri</vt:lpstr>
      <vt:lpstr>Courier New</vt:lpstr>
      <vt:lpstr>Frutiger CE 45 Light</vt:lpstr>
      <vt:lpstr>Frutiger CE 55 Roman</vt:lpstr>
      <vt:lpstr>NDSFrutiger 45 Light</vt:lpstr>
      <vt:lpstr>Symbol</vt:lpstr>
      <vt:lpstr>Wingdings</vt:lpstr>
      <vt:lpstr>Titel</vt:lpstr>
      <vt:lpstr>Folien Inhalt</vt:lpstr>
      <vt:lpstr>Technische Hilfeleistung - Grundlagen Modulare Grundlagenausbildung</vt:lpstr>
      <vt:lpstr>PowerPoint-Präsentation</vt:lpstr>
      <vt:lpstr>Gliederung</vt:lpstr>
      <vt:lpstr>Wer macht was?  Einheitsführer</vt:lpstr>
      <vt:lpstr>Melder </vt:lpstr>
      <vt:lpstr>Maschinist</vt:lpstr>
      <vt:lpstr>Angriffstrupp</vt:lpstr>
      <vt:lpstr>Wassertrupp</vt:lpstr>
      <vt:lpstr>Schlauchtrupp</vt:lpstr>
      <vt:lpstr>Was brauchen wir? </vt:lpstr>
      <vt:lpstr>Was brauchen wir? </vt:lpstr>
      <vt:lpstr>Was brauchen wir? </vt:lpstr>
      <vt:lpstr>Was brauchen wir? </vt:lpstr>
      <vt:lpstr>Was brauchen wir? </vt:lpstr>
      <vt:lpstr>Wer nimmt es mit?</vt:lpstr>
      <vt:lpstr>Wer nimmt es mit?</vt:lpstr>
      <vt:lpstr>Worauf müssen wir achten?</vt:lpstr>
      <vt:lpstr>Worauf müssen wir achten? Einsatzgrundsätze</vt:lpstr>
      <vt:lpstr>Worauf müssen wir achten? Einsatzgrundsätze</vt:lpstr>
      <vt:lpstr>Worauf müssen wir achten?  Ordnung des Raumes</vt:lpstr>
      <vt:lpstr>Zusammenfassung</vt:lpstr>
    </vt:vector>
  </TitlesOfParts>
  <Company>IT.Niedersachse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Basis 9.1 - TH Grundlagen Präsentation</dc:title>
  <dc:creator>Wiemann, Sascha (NLBK)</dc:creator>
  <cp:lastModifiedBy>Knabenschuh, Jakob (NLBK)</cp:lastModifiedBy>
  <cp:revision>77</cp:revision>
  <dcterms:created xsi:type="dcterms:W3CDTF">2021-01-11T06:05:12Z</dcterms:created>
  <dcterms:modified xsi:type="dcterms:W3CDTF">2023-12-14T19:26:11Z</dcterms:modified>
</cp:coreProperties>
</file>